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報\（H28）\"/>
    </mc:Choice>
  </mc:AlternateContent>
  <bookViews>
    <workbookView xWindow="360" yWindow="285" windowWidth="20100" windowHeight="7905" tabRatio="693"/>
  </bookViews>
  <sheets>
    <sheet name="第1表" sheetId="1" r:id="rId1"/>
    <sheet name="第2表" sheetId="2" r:id="rId2"/>
    <sheet name="第3表" sheetId="3" r:id="rId3"/>
    <sheet name="第4表" sheetId="4" r:id="rId4"/>
    <sheet name="第5表" sheetId="5" r:id="rId5"/>
    <sheet name="第6表" sheetId="6" r:id="rId6"/>
    <sheet name="第7表" sheetId="7" r:id="rId7"/>
    <sheet name="第8-1表" sheetId="8" r:id="rId8"/>
    <sheet name="第8-2表" sheetId="9" r:id="rId9"/>
    <sheet name="第8-3表" sheetId="10" r:id="rId10"/>
    <sheet name="第8-4表" sheetId="11" r:id="rId11"/>
    <sheet name="第8-5表" sheetId="12" r:id="rId12"/>
    <sheet name="第8-6表" sheetId="13" r:id="rId13"/>
    <sheet name="第9表" sheetId="14" r:id="rId14"/>
    <sheet name="第10表" sheetId="15" r:id="rId15"/>
    <sheet name="参考1" sheetId="16" r:id="rId16"/>
    <sheet name="参考2" sheetId="17" r:id="rId17"/>
  </sheets>
  <definedNames>
    <definedName name="_Key1" localSheetId="15" hidden="1">#REF!</definedName>
    <definedName name="_Key1" localSheetId="16" hidden="1">#REF!</definedName>
    <definedName name="_Key1" localSheetId="14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4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localSheetId="8" hidden="1">#REF!</definedName>
    <definedName name="_Key1" localSheetId="9" hidden="1">#REF!</definedName>
    <definedName name="_Key1" localSheetId="1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hidden="1">#REF!</definedName>
    <definedName name="_Order1" hidden="1">255</definedName>
    <definedName name="_Sort" localSheetId="15" hidden="1">#REF!</definedName>
    <definedName name="_Sort" localSheetId="16" hidden="1">#REF!</definedName>
    <definedName name="_Sort" localSheetId="14" hidden="1">#REF!</definedName>
    <definedName name="_Sort" localSheetId="0" hidden="1">#REF!</definedName>
    <definedName name="_Sort" localSheetId="1" hidden="1">#REF!</definedName>
    <definedName name="_Sort" localSheetId="2" hidden="1">#REF!</definedName>
    <definedName name="_Sort" localSheetId="4" hidden="1">#REF!</definedName>
    <definedName name="_Sort" localSheetId="5" hidden="1">#REF!</definedName>
    <definedName name="_Sort" localSheetId="6" hidden="1">#REF!</definedName>
    <definedName name="_Sort" localSheetId="7" hidden="1">#REF!</definedName>
    <definedName name="_Sort" localSheetId="8" hidden="1">#REF!</definedName>
    <definedName name="_Sort" localSheetId="9" hidden="1">#REF!</definedName>
    <definedName name="_Sort" localSheetId="1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hidden="1">#REF!</definedName>
    <definedName name="_xlnm.Print_Area" localSheetId="15">参考1!$A$1:$K$85</definedName>
    <definedName name="_xlnm.Print_Area" localSheetId="14">第10表!$A$1:$K$29</definedName>
    <definedName name="_xlnm.Print_Area" localSheetId="0">第1表!$A$1:$L$75</definedName>
    <definedName name="_xlnm.Print_Area" localSheetId="1">第2表!$A$1:$N$75</definedName>
    <definedName name="_xlnm.Print_Area" localSheetId="2">第3表!$A$1:$K$62</definedName>
    <definedName name="_xlnm.Print_Area" localSheetId="3">第4表!$A$1:$J$19</definedName>
    <definedName name="_xlnm.Print_Area" localSheetId="4">第5表!$A$1:$R$71</definedName>
    <definedName name="_xlnm.Print_Area" localSheetId="6">第7表!$A$1:$K$85</definedName>
    <definedName name="月報">"グラフ 1"</definedName>
    <definedName name="第１表2011年10月分" localSheetId="15">#REF!</definedName>
    <definedName name="第１表2011年10月分" localSheetId="16">#REF!</definedName>
    <definedName name="第１表2011年10月分">#REF!</definedName>
    <definedName name="第１表2011年11月分" localSheetId="15">#REF!</definedName>
    <definedName name="第１表2011年11月分" localSheetId="16">#REF!</definedName>
    <definedName name="第１表2011年11月分">#REF!</definedName>
    <definedName name="第１表2011年１月分" localSheetId="15">#REF!</definedName>
    <definedName name="第１表2011年１月分" localSheetId="16">#REF!</definedName>
    <definedName name="第１表2011年１月分">#REF!</definedName>
    <definedName name="第１表2011年２月分" localSheetId="15">#REF!</definedName>
    <definedName name="第１表2011年２月分" localSheetId="16">#REF!</definedName>
    <definedName name="第１表2011年２月分">#REF!</definedName>
    <definedName name="第１表2011年３月分" localSheetId="15">#REF!</definedName>
    <definedName name="第１表2011年３月分" localSheetId="16">#REF!</definedName>
    <definedName name="第１表2011年３月分">#REF!</definedName>
    <definedName name="第１表2011年４月分" localSheetId="15">#REF!</definedName>
    <definedName name="第１表2011年４月分" localSheetId="16">#REF!</definedName>
    <definedName name="第１表2011年４月分">#REF!</definedName>
    <definedName name="第１表2011年５月分" localSheetId="15">#REF!</definedName>
    <definedName name="第１表2011年５月分" localSheetId="16">#REF!</definedName>
    <definedName name="第１表2011年５月分">#REF!</definedName>
    <definedName name="第１表2011年６月分" localSheetId="15">#REF!</definedName>
    <definedName name="第１表2011年６月分" localSheetId="16">#REF!</definedName>
    <definedName name="第１表2011年６月分">#REF!</definedName>
    <definedName name="第１表2011年７月分" localSheetId="15">#REF!</definedName>
    <definedName name="第１表2011年７月分" localSheetId="16">#REF!</definedName>
    <definedName name="第１表2011年７月分">#REF!</definedName>
    <definedName name="第１表2011年８月分" localSheetId="15">#REF!</definedName>
    <definedName name="第１表2011年８月分" localSheetId="16">#REF!</definedName>
    <definedName name="第１表2011年８月分">#REF!</definedName>
    <definedName name="第１表2011年９月分" localSheetId="15">#REF!</definedName>
    <definedName name="第１表2011年９月分" localSheetId="16">#REF!</definedName>
    <definedName name="第１表2011年９月分">#REF!</definedName>
    <definedName name="第５表の１2011年10月分" localSheetId="15">#REF!</definedName>
    <definedName name="第５表の１2011年10月分" localSheetId="16">#REF!</definedName>
    <definedName name="第５表の１2011年10月分">#REF!</definedName>
    <definedName name="第５表の１2011年11月分" localSheetId="15">#REF!</definedName>
    <definedName name="第５表の１2011年11月分" localSheetId="16">#REF!</definedName>
    <definedName name="第５表の１2011年11月分">#REF!</definedName>
    <definedName name="第５表の１2011年12月分" localSheetId="15">#REF!</definedName>
    <definedName name="第５表の１2011年12月分" localSheetId="16">#REF!</definedName>
    <definedName name="第５表の１2011年12月分">#REF!</definedName>
    <definedName name="第５表の１2011年１月分" localSheetId="15">#REF!</definedName>
    <definedName name="第５表の１2011年１月分" localSheetId="16">#REF!</definedName>
    <definedName name="第５表の１2011年１月分">#REF!</definedName>
    <definedName name="第５表の１2011年２月分" localSheetId="15">#REF!</definedName>
    <definedName name="第５表の１2011年２月分" localSheetId="16">#REF!</definedName>
    <definedName name="第５表の１2011年２月分">#REF!</definedName>
    <definedName name="第５表の１2011年３月分" localSheetId="15">#REF!</definedName>
    <definedName name="第５表の１2011年３月分" localSheetId="16">#REF!</definedName>
    <definedName name="第５表の１2011年３月分">#REF!</definedName>
    <definedName name="第５表の１2011年４月分" localSheetId="15">#REF!</definedName>
    <definedName name="第５表の１2011年４月分" localSheetId="16">#REF!</definedName>
    <definedName name="第５表の１2011年４月分">#REF!</definedName>
    <definedName name="第５表の１2011年５月分" localSheetId="15">#REF!</definedName>
    <definedName name="第５表の１2011年５月分" localSheetId="16">#REF!</definedName>
    <definedName name="第５表の１2011年５月分">#REF!</definedName>
    <definedName name="第５表の１2011年６月分" localSheetId="15">#REF!</definedName>
    <definedName name="第５表の１2011年６月分" localSheetId="16">#REF!</definedName>
    <definedName name="第５表の１2011年６月分">#REF!</definedName>
    <definedName name="第５表の１2011年７月分" localSheetId="15">#REF!</definedName>
    <definedName name="第５表の１2011年７月分" localSheetId="16">#REF!</definedName>
    <definedName name="第５表の１2011年７月分">#REF!</definedName>
    <definedName name="第５表の１2011年８月分" localSheetId="15">#REF!</definedName>
    <definedName name="第５表の１2011年８月分" localSheetId="16">#REF!</definedName>
    <definedName name="第５表の１2011年８月分">#REF!</definedName>
    <definedName name="第５表の１2011年９月分" localSheetId="15">#REF!</definedName>
    <definedName name="第５表の１2011年９月分" localSheetId="16">#REF!</definedName>
    <definedName name="第５表の１2011年９月分">#REF!</definedName>
    <definedName name="第５表の２2011年10月分" localSheetId="15">#REF!</definedName>
    <definedName name="第５表の２2011年10月分" localSheetId="16">#REF!</definedName>
    <definedName name="第５表の２2011年10月分">#REF!</definedName>
    <definedName name="第５表の２2011年11月分" localSheetId="15">#REF!</definedName>
    <definedName name="第５表の２2011年11月分" localSheetId="16">#REF!</definedName>
    <definedName name="第５表の２2011年11月分">#REF!</definedName>
    <definedName name="第５表の２2011年12月分" localSheetId="15">#REF!</definedName>
    <definedName name="第５表の２2011年12月分" localSheetId="16">#REF!</definedName>
    <definedName name="第５表の２2011年12月分">#REF!</definedName>
    <definedName name="第５表の２2011年１月分" localSheetId="15">#REF!</definedName>
    <definedName name="第５表の２2011年１月分" localSheetId="16">#REF!</definedName>
    <definedName name="第５表の２2011年１月分">#REF!</definedName>
    <definedName name="第５表の２2011年２月分" localSheetId="15">#REF!</definedName>
    <definedName name="第５表の２2011年２月分" localSheetId="16">#REF!</definedName>
    <definedName name="第５表の２2011年２月分">#REF!</definedName>
    <definedName name="第５表の２2011年３月分" localSheetId="15">#REF!</definedName>
    <definedName name="第５表の２2011年３月分" localSheetId="16">#REF!</definedName>
    <definedName name="第５表の２2011年３月分">#REF!</definedName>
    <definedName name="第５表の２2011年４月分" localSheetId="15">#REF!</definedName>
    <definedName name="第５表の２2011年４月分" localSheetId="16">#REF!</definedName>
    <definedName name="第５表の２2011年４月分">#REF!</definedName>
    <definedName name="第５表の２2011年５月分" localSheetId="15">#REF!</definedName>
    <definedName name="第５表の２2011年５月分" localSheetId="16">#REF!</definedName>
    <definedName name="第５表の２2011年５月分">#REF!</definedName>
    <definedName name="第５表の２2011年６月分" localSheetId="15">#REF!</definedName>
    <definedName name="第５表の２2011年６月分" localSheetId="16">#REF!</definedName>
    <definedName name="第５表の２2011年６月分">#REF!</definedName>
    <definedName name="第５表の２2011年７月分" localSheetId="15">#REF!</definedName>
    <definedName name="第５表の２2011年７月分" localSheetId="16">#REF!</definedName>
    <definedName name="第５表の２2011年７月分">#REF!</definedName>
    <definedName name="第５表の２2011年８月分" localSheetId="15">#REF!</definedName>
    <definedName name="第５表の２2011年８月分" localSheetId="16">#REF!</definedName>
    <definedName name="第５表の２2011年８月分">#REF!</definedName>
    <definedName name="第５表の２2011年９月分" localSheetId="15">#REF!</definedName>
    <definedName name="第５表の２2011年９月分" localSheetId="16">#REF!</definedName>
    <definedName name="第５表の２2011年９月分">#REF!</definedName>
    <definedName name="平成23年１月" localSheetId="15">#REF!</definedName>
    <definedName name="平成23年１月" localSheetId="16">#REF!</definedName>
    <definedName name="平成23年１月">#REF!</definedName>
  </definedNames>
  <calcPr calcId="125725"/>
</workbook>
</file>

<file path=xl/sharedStrings.xml><?xml version="1.0" encoding="utf-8"?>
<sst xmlns="http://schemas.openxmlformats.org/spreadsheetml/2006/main" count="1172" uniqueCount="216">
  <si>
    <t>年次別人口・人口増減及び世帯数</t>
    <rPh sb="0" eb="3">
      <t>ネンジベツ</t>
    </rPh>
    <rPh sb="3" eb="5">
      <t>ジンコウ</t>
    </rPh>
    <rPh sb="6" eb="8">
      <t>ジンコウ</t>
    </rPh>
    <rPh sb="8" eb="10">
      <t>ゾウゲン</t>
    </rPh>
    <rPh sb="10" eb="11">
      <t>オヨ</t>
    </rPh>
    <rPh sb="12" eb="15">
      <t>セタイスウ</t>
    </rPh>
    <phoneticPr fontId="3"/>
  </si>
  <si>
    <t>第１表</t>
    <rPh sb="0" eb="1">
      <t>ダイ</t>
    </rPh>
    <rPh sb="2" eb="3">
      <t>ヒョウ</t>
    </rPh>
    <phoneticPr fontId="3"/>
  </si>
  <si>
    <t>年次</t>
    <rPh sb="0" eb="2">
      <t>ネンジ</t>
    </rPh>
    <phoneticPr fontId="3"/>
  </si>
  <si>
    <t>人口</t>
    <rPh sb="0" eb="2">
      <t>ジンコウ</t>
    </rPh>
    <phoneticPr fontId="3"/>
  </si>
  <si>
    <t>年　　間
人口増減</t>
    <rPh sb="0" eb="1">
      <t>トシ</t>
    </rPh>
    <rPh sb="3" eb="4">
      <t>アイダ</t>
    </rPh>
    <rPh sb="5" eb="9">
      <t>ジンコウゾウゲン</t>
    </rPh>
    <phoneticPr fontId="3"/>
  </si>
  <si>
    <t>世帯数</t>
    <rPh sb="0" eb="3">
      <t>セタイスウ</t>
    </rPh>
    <phoneticPr fontId="3"/>
  </si>
  <si>
    <t>１世帯
当たり
人　員</t>
    <rPh sb="1" eb="3">
      <t>セタイ</t>
    </rPh>
    <rPh sb="4" eb="5">
      <t>ア</t>
    </rPh>
    <rPh sb="8" eb="9">
      <t>ニン</t>
    </rPh>
    <rPh sb="10" eb="11">
      <t>イン</t>
    </rPh>
    <phoneticPr fontId="3"/>
  </si>
  <si>
    <t>自然増減</t>
    <rPh sb="0" eb="4">
      <t>シゼンゾウゲン</t>
    </rPh>
    <phoneticPr fontId="3"/>
  </si>
  <si>
    <t>社会増減</t>
    <rPh sb="0" eb="4">
      <t>シャカイゾウゲン</t>
    </rPh>
    <phoneticPr fontId="3"/>
  </si>
  <si>
    <t>増減率</t>
    <rPh sb="0" eb="3">
      <t>ゾウゲンリツ</t>
    </rPh>
    <phoneticPr fontId="3"/>
  </si>
  <si>
    <t>人</t>
    <rPh sb="0" eb="1">
      <t>ヒト</t>
    </rPh>
    <phoneticPr fontId="3"/>
  </si>
  <si>
    <t>％</t>
    <phoneticPr fontId="3"/>
  </si>
  <si>
    <t>世帯</t>
    <rPh sb="0" eb="2">
      <t>セタイ</t>
    </rPh>
    <phoneticPr fontId="3"/>
  </si>
  <si>
    <t>平成29年</t>
  </si>
  <si>
    <t>-</t>
    <phoneticPr fontId="3"/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40(1965)</t>
  </si>
  <si>
    <t>(注)人口・世帯数は各年１月１日現在</t>
    <rPh sb="1" eb="2">
      <t>チュウ</t>
    </rPh>
    <rPh sb="3" eb="5">
      <t>ジンコウ</t>
    </rPh>
    <rPh sb="6" eb="9">
      <t>セタイスウ</t>
    </rPh>
    <rPh sb="10" eb="12">
      <t>カクネン</t>
    </rPh>
    <rPh sb="13" eb="14">
      <t>ツキ</t>
    </rPh>
    <rPh sb="15" eb="16">
      <t>ヒ</t>
    </rPh>
    <rPh sb="16" eb="18">
      <t>ゲンザイ</t>
    </rPh>
    <phoneticPr fontId="3"/>
  </si>
  <si>
    <t>年次別人口増減</t>
    <rPh sb="0" eb="3">
      <t>ネンジベツ</t>
    </rPh>
    <rPh sb="3" eb="7">
      <t>ジンコウゾウゲン</t>
    </rPh>
    <phoneticPr fontId="3"/>
  </si>
  <si>
    <t>第２表</t>
    <rPh sb="0" eb="1">
      <t>ダイ</t>
    </rPh>
    <rPh sb="2" eb="3">
      <t>ヒョウ</t>
    </rPh>
    <phoneticPr fontId="3"/>
  </si>
  <si>
    <t>人口増減の内訳</t>
    <rPh sb="0" eb="4">
      <t>ジンコウゾウゲン</t>
    </rPh>
    <rPh sb="5" eb="7">
      <t>ウチワケ</t>
    </rPh>
    <phoneticPr fontId="3"/>
  </si>
  <si>
    <t>出生率</t>
    <rPh sb="0" eb="3">
      <t>シュッセイリツ</t>
    </rPh>
    <phoneticPr fontId="3"/>
  </si>
  <si>
    <t>死亡率</t>
    <rPh sb="0" eb="3">
      <t>シボウリツ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入</t>
    <rPh sb="0" eb="2">
      <t>テンニュウ</t>
    </rPh>
    <phoneticPr fontId="3"/>
  </si>
  <si>
    <t>転出</t>
    <rPh sb="0" eb="2">
      <t>テンシュツ</t>
    </rPh>
    <phoneticPr fontId="3"/>
  </si>
  <si>
    <t>平成28年</t>
  </si>
  <si>
    <t>(注1)転入・転出には、県内市区町村間の移動を含む。</t>
    <rPh sb="1" eb="2">
      <t>チュウ</t>
    </rPh>
    <rPh sb="4" eb="6">
      <t>テンニュウ</t>
    </rPh>
    <rPh sb="7" eb="9">
      <t>テンシュツ</t>
    </rPh>
    <rPh sb="12" eb="19">
      <t>ケンナイシクチョウソンカン</t>
    </rPh>
    <rPh sb="20" eb="22">
      <t>イドウ</t>
    </rPh>
    <rPh sb="23" eb="24">
      <t>フク</t>
    </rPh>
    <phoneticPr fontId="3"/>
  </si>
  <si>
    <t>(注2)出生率：年央人口(７月１日現在の人口)1,000人当りの年間出生数</t>
    <rPh sb="1" eb="2">
      <t>チュウ</t>
    </rPh>
    <rPh sb="4" eb="7">
      <t>シュッセイ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7">
      <t>ネンカンシュッセイスウ</t>
    </rPh>
    <phoneticPr fontId="3"/>
  </si>
  <si>
    <t>(注3)死亡率：年央人口(７月１日現在の人口)1,000人当りの年間死亡数</t>
    <rPh sb="1" eb="2">
      <t>チュウ</t>
    </rPh>
    <rPh sb="4" eb="7">
      <t>シボウ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4">
      <t>ネンカン</t>
    </rPh>
    <rPh sb="34" eb="37">
      <t>シボウスウ</t>
    </rPh>
    <phoneticPr fontId="3"/>
  </si>
  <si>
    <t>年次別移動人口（社会増減）</t>
    <rPh sb="0" eb="3">
      <t>ネンジベツ</t>
    </rPh>
    <rPh sb="3" eb="5">
      <t>イドウ</t>
    </rPh>
    <rPh sb="5" eb="7">
      <t>ジンコウ</t>
    </rPh>
    <rPh sb="8" eb="10">
      <t>シャカイ</t>
    </rPh>
    <rPh sb="10" eb="12">
      <t>ゾウゲン</t>
    </rPh>
    <phoneticPr fontId="3"/>
  </si>
  <si>
    <t>第３表</t>
    <rPh sb="0" eb="1">
      <t>ダイ</t>
    </rPh>
    <rPh sb="2" eb="3">
      <t>ヒョウ</t>
    </rPh>
    <phoneticPr fontId="3"/>
  </si>
  <si>
    <t>転　　入</t>
    <rPh sb="0" eb="1">
      <t>テン</t>
    </rPh>
    <rPh sb="3" eb="4">
      <t>イ</t>
    </rPh>
    <phoneticPr fontId="3"/>
  </si>
  <si>
    <t>転　　出</t>
    <rPh sb="0" eb="1">
      <t>テン</t>
    </rPh>
    <rPh sb="3" eb="4">
      <t>デ</t>
    </rPh>
    <phoneticPr fontId="3"/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 xml:space="preserve">(注)「その他」は、住民基本台帳法施行令の規定により、職権で住民票へ記載された者又は住民票から消除された者の数
 </t>
  </si>
  <si>
    <t>月別人口増減</t>
    <rPh sb="0" eb="2">
      <t>ツキベツ</t>
    </rPh>
    <rPh sb="2" eb="4">
      <t>ジンコウ</t>
    </rPh>
    <rPh sb="4" eb="6">
      <t>ゾウゲン</t>
    </rPh>
    <phoneticPr fontId="3"/>
  </si>
  <si>
    <t>第４表</t>
    <rPh sb="0" eb="1">
      <t>ダイ</t>
    </rPh>
    <rPh sb="2" eb="3">
      <t>ヒョウ</t>
    </rPh>
    <phoneticPr fontId="3"/>
  </si>
  <si>
    <t>(平成28年中)</t>
  </si>
  <si>
    <t>月別</t>
    <rPh sb="0" eb="2">
      <t>ツキベツ</t>
    </rPh>
    <phoneticPr fontId="3"/>
  </si>
  <si>
    <t>人口増減</t>
    <rPh sb="0" eb="2">
      <t>ジンコウ</t>
    </rPh>
    <rPh sb="2" eb="4">
      <t>ゾウゲン</t>
    </rPh>
    <phoneticPr fontId="3"/>
  </si>
  <si>
    <t>計</t>
    <rPh sb="0" eb="1">
      <t>ケイ</t>
    </rPh>
    <phoneticPr fontId="3"/>
  </si>
  <si>
    <t>１月</t>
    <rPh sb="1" eb="2">
      <t>ツキ</t>
    </rPh>
    <phoneticPr fontId="3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(注)転入・転出には、県内市区町村間の移動を含む。</t>
  </si>
  <si>
    <t>年次別月別人口</t>
    <rPh sb="0" eb="3">
      <t>ネンジベツ</t>
    </rPh>
    <rPh sb="3" eb="5">
      <t>ツキベツ</t>
    </rPh>
    <rPh sb="5" eb="7">
      <t>ジンコウ</t>
    </rPh>
    <phoneticPr fontId="3"/>
  </si>
  <si>
    <t>第５表</t>
    <rPh sb="0" eb="1">
      <t>ダイ</t>
    </rPh>
    <rPh sb="2" eb="3">
      <t>ヒョウ</t>
    </rPh>
    <phoneticPr fontId="3"/>
  </si>
  <si>
    <t>(単位：人)</t>
    <rPh sb="1" eb="3">
      <t>タンイ</t>
    </rPh>
    <rPh sb="4" eb="5">
      <t>ニン</t>
    </rPh>
    <phoneticPr fontId="3"/>
  </si>
  <si>
    <t>年月</t>
    <rPh sb="0" eb="2">
      <t>ネンゲツ</t>
    </rPh>
    <phoneticPr fontId="3"/>
  </si>
  <si>
    <t>市区町村別人口増減及び増減率</t>
    <phoneticPr fontId="3"/>
  </si>
  <si>
    <t>第６表</t>
    <rPh sb="0" eb="1">
      <t>ダイ</t>
    </rPh>
    <rPh sb="2" eb="3">
      <t>ヒョウ</t>
    </rPh>
    <phoneticPr fontId="3"/>
  </si>
  <si>
    <t>市区町村名</t>
    <rPh sb="0" eb="5">
      <t>シクチョウソンメイ</t>
    </rPh>
    <phoneticPr fontId="3"/>
  </si>
  <si>
    <t>人口増減</t>
    <rPh sb="0" eb="4">
      <t>ジンコウゾウゲン</t>
    </rPh>
    <phoneticPr fontId="3"/>
  </si>
  <si>
    <t>対前年増減率</t>
    <rPh sb="0" eb="3">
      <t>タイゼンネン</t>
    </rPh>
    <rPh sb="3" eb="6">
      <t>ゾウゲンリツ</t>
    </rPh>
    <phoneticPr fontId="3"/>
  </si>
  <si>
    <t>自然増減</t>
    <rPh sb="0" eb="2">
      <t>シゼン</t>
    </rPh>
    <rPh sb="2" eb="4">
      <t>ゾウゲン</t>
    </rPh>
    <phoneticPr fontId="3"/>
  </si>
  <si>
    <t>県計</t>
    <rPh sb="0" eb="2">
      <t>ケンケイ</t>
    </rPh>
    <phoneticPr fontId="3"/>
  </si>
  <si>
    <t>市部計</t>
    <rPh sb="0" eb="3">
      <t>シブケイ</t>
    </rPh>
    <phoneticPr fontId="3"/>
  </si>
  <si>
    <t>郡部計</t>
    <rPh sb="0" eb="2">
      <t>グンブ</t>
    </rPh>
    <rPh sb="2" eb="3">
      <t>ケイ</t>
    </rPh>
    <phoneticPr fontId="3"/>
  </si>
  <si>
    <t>横浜市</t>
    <rPh sb="0" eb="3">
      <t>ヨコハマシ</t>
    </rPh>
    <phoneticPr fontId="3"/>
  </si>
  <si>
    <t>鶴見区</t>
    <rPh sb="0" eb="3">
      <t>ツルミク</t>
    </rPh>
    <phoneticPr fontId="3"/>
  </si>
  <si>
    <t>神奈川区</t>
    <rPh sb="0" eb="4">
      <t>カナガワク</t>
    </rPh>
    <phoneticPr fontId="3"/>
  </si>
  <si>
    <t>西区</t>
    <rPh sb="0" eb="2">
      <t>ニシク</t>
    </rPh>
    <phoneticPr fontId="3"/>
  </si>
  <si>
    <t>中区</t>
    <rPh sb="0" eb="2">
      <t>ナカク</t>
    </rPh>
    <phoneticPr fontId="3"/>
  </si>
  <si>
    <t>南区</t>
    <rPh sb="0" eb="2">
      <t>ミナミク</t>
    </rPh>
    <phoneticPr fontId="3"/>
  </si>
  <si>
    <t>港南区</t>
    <rPh sb="0" eb="3">
      <t>コウナンク</t>
    </rPh>
    <phoneticPr fontId="3"/>
  </si>
  <si>
    <t>保土ケ谷区</t>
    <rPh sb="0" eb="1">
      <t>タモツ</t>
    </rPh>
    <rPh sb="1" eb="4">
      <t>ツチガヤ</t>
    </rPh>
    <rPh sb="4" eb="5">
      <t>ク</t>
    </rPh>
    <phoneticPr fontId="3"/>
  </si>
  <si>
    <t>旭区</t>
    <rPh sb="0" eb="2">
      <t>アサヒク</t>
    </rPh>
    <phoneticPr fontId="3"/>
  </si>
  <si>
    <t>磯子区</t>
    <rPh sb="0" eb="3">
      <t>イソゴク</t>
    </rPh>
    <phoneticPr fontId="3"/>
  </si>
  <si>
    <t>金沢区</t>
    <rPh sb="0" eb="3">
      <t>カナザワク</t>
    </rPh>
    <phoneticPr fontId="3"/>
  </si>
  <si>
    <t>港北区</t>
    <rPh sb="0" eb="3">
      <t>コウホクク</t>
    </rPh>
    <phoneticPr fontId="3"/>
  </si>
  <si>
    <t>緑区</t>
    <rPh sb="0" eb="2">
      <t>ミドリク</t>
    </rPh>
    <phoneticPr fontId="3"/>
  </si>
  <si>
    <t>青葉区</t>
    <rPh sb="0" eb="3">
      <t>アオバク</t>
    </rPh>
    <phoneticPr fontId="3"/>
  </si>
  <si>
    <t>都筑区</t>
    <rPh sb="0" eb="3">
      <t>ツヅキク</t>
    </rPh>
    <phoneticPr fontId="3"/>
  </si>
  <si>
    <t>戸塚区</t>
    <rPh sb="0" eb="3">
      <t>トツカク</t>
    </rPh>
    <phoneticPr fontId="3"/>
  </si>
  <si>
    <t>栄区</t>
    <rPh sb="0" eb="2">
      <t>サカエク</t>
    </rPh>
    <phoneticPr fontId="3"/>
  </si>
  <si>
    <t>泉区</t>
    <rPh sb="0" eb="2">
      <t>イズミク</t>
    </rPh>
    <phoneticPr fontId="3"/>
  </si>
  <si>
    <t>瀬谷区</t>
    <rPh sb="0" eb="3">
      <t>セヤク</t>
    </rPh>
    <phoneticPr fontId="3"/>
  </si>
  <si>
    <t>川崎市</t>
    <rPh sb="0" eb="3">
      <t>カワサキシ</t>
    </rPh>
    <phoneticPr fontId="3"/>
  </si>
  <si>
    <t>川崎区</t>
    <rPh sb="0" eb="3">
      <t>カワサキク</t>
    </rPh>
    <phoneticPr fontId="3"/>
  </si>
  <si>
    <t>幸区</t>
    <rPh sb="0" eb="2">
      <t>サイワイク</t>
    </rPh>
    <phoneticPr fontId="3"/>
  </si>
  <si>
    <t>中原区</t>
    <rPh sb="0" eb="3">
      <t>ナカハラク</t>
    </rPh>
    <phoneticPr fontId="3"/>
  </si>
  <si>
    <t>高津区</t>
    <rPh sb="0" eb="3">
      <t>タカツク</t>
    </rPh>
    <phoneticPr fontId="3"/>
  </si>
  <si>
    <t>宮前区</t>
    <rPh sb="0" eb="3">
      <t>ミヤマエク</t>
    </rPh>
    <phoneticPr fontId="3"/>
  </si>
  <si>
    <t>多摩区</t>
    <rPh sb="0" eb="3">
      <t>タマク</t>
    </rPh>
    <phoneticPr fontId="3"/>
  </si>
  <si>
    <t>麻生区</t>
    <rPh sb="0" eb="3">
      <t>アサオク</t>
    </rPh>
    <phoneticPr fontId="3"/>
  </si>
  <si>
    <t>相模原市</t>
    <rPh sb="0" eb="4">
      <t>サガミハラシ</t>
    </rPh>
    <phoneticPr fontId="3"/>
  </si>
  <si>
    <t>中央区</t>
    <rPh sb="0" eb="3">
      <t>チュウオウク</t>
    </rPh>
    <phoneticPr fontId="3"/>
  </si>
  <si>
    <t>横須賀市</t>
    <rPh sb="0" eb="4">
      <t>ヨコスカシ</t>
    </rPh>
    <phoneticPr fontId="3"/>
  </si>
  <si>
    <t>平塚市</t>
    <rPh sb="0" eb="3">
      <t>ヒラツカシ</t>
    </rPh>
    <phoneticPr fontId="3"/>
  </si>
  <si>
    <t>鎌倉市</t>
    <rPh sb="0" eb="3">
      <t>カマクラシ</t>
    </rPh>
    <phoneticPr fontId="3"/>
  </si>
  <si>
    <t>藤沢市</t>
    <rPh sb="0" eb="3">
      <t>フジサワシ</t>
    </rPh>
    <phoneticPr fontId="3"/>
  </si>
  <si>
    <t>小田原市</t>
    <rPh sb="0" eb="4">
      <t>オダワラシ</t>
    </rPh>
    <phoneticPr fontId="3"/>
  </si>
  <si>
    <t>茅ヶ崎市</t>
    <rPh sb="0" eb="4">
      <t>チガサキシ</t>
    </rPh>
    <phoneticPr fontId="3"/>
  </si>
  <si>
    <t>逗子市</t>
    <rPh sb="0" eb="3">
      <t>ズシシ</t>
    </rPh>
    <phoneticPr fontId="3"/>
  </si>
  <si>
    <t>三浦市</t>
    <rPh sb="0" eb="3">
      <t>ミウラシ</t>
    </rPh>
    <phoneticPr fontId="3"/>
  </si>
  <si>
    <t>秦野市</t>
    <rPh sb="0" eb="3">
      <t>ハダノシ</t>
    </rPh>
    <phoneticPr fontId="3"/>
  </si>
  <si>
    <t>厚木市</t>
    <rPh sb="0" eb="3">
      <t>アツギシ</t>
    </rPh>
    <phoneticPr fontId="3"/>
  </si>
  <si>
    <t>大和市</t>
    <rPh sb="0" eb="3">
      <t>ヤマトシ</t>
    </rPh>
    <phoneticPr fontId="3"/>
  </si>
  <si>
    <t>伊勢原市</t>
    <rPh sb="0" eb="4">
      <t>イセハラシ</t>
    </rPh>
    <phoneticPr fontId="3"/>
  </si>
  <si>
    <t>海老名市</t>
    <rPh sb="0" eb="4">
      <t>エビナシ</t>
    </rPh>
    <phoneticPr fontId="3"/>
  </si>
  <si>
    <t>座間市</t>
    <rPh sb="0" eb="3">
      <t>ザマシ</t>
    </rPh>
    <phoneticPr fontId="3"/>
  </si>
  <si>
    <t>南足柄市</t>
    <rPh sb="0" eb="4">
      <t>ミナミアシガラシ</t>
    </rPh>
    <phoneticPr fontId="3"/>
  </si>
  <si>
    <t>綾瀬市</t>
    <rPh sb="0" eb="3">
      <t>アヤセシ</t>
    </rPh>
    <phoneticPr fontId="3"/>
  </si>
  <si>
    <t>三浦郡葉山町</t>
    <rPh sb="0" eb="3">
      <t>ミウラグン</t>
    </rPh>
    <rPh sb="3" eb="6">
      <t>ハヤママチ</t>
    </rPh>
    <phoneticPr fontId="3"/>
  </si>
  <si>
    <t>高座郡寒川町</t>
    <rPh sb="0" eb="3">
      <t>コウザグン</t>
    </rPh>
    <rPh sb="3" eb="6">
      <t>サムカワマチ</t>
    </rPh>
    <phoneticPr fontId="3"/>
  </si>
  <si>
    <t>中郡</t>
    <rPh sb="0" eb="2">
      <t>ナカグン</t>
    </rPh>
    <phoneticPr fontId="3"/>
  </si>
  <si>
    <t>大磯町</t>
    <rPh sb="0" eb="3">
      <t>オオイソマチ</t>
    </rPh>
    <phoneticPr fontId="3"/>
  </si>
  <si>
    <t>二宮町</t>
    <rPh sb="0" eb="3">
      <t>ニノミヤマチ</t>
    </rPh>
    <phoneticPr fontId="3"/>
  </si>
  <si>
    <t>足柄上郡</t>
    <rPh sb="0" eb="4">
      <t>アシガラカミグン</t>
    </rPh>
    <phoneticPr fontId="3"/>
  </si>
  <si>
    <t>中井町</t>
    <rPh sb="0" eb="3">
      <t>ナカイマチ</t>
    </rPh>
    <phoneticPr fontId="3"/>
  </si>
  <si>
    <t>大井町</t>
    <rPh sb="0" eb="3">
      <t>オオイマチ</t>
    </rPh>
    <phoneticPr fontId="3"/>
  </si>
  <si>
    <t>松田町</t>
    <rPh sb="0" eb="3">
      <t>マツダマチ</t>
    </rPh>
    <phoneticPr fontId="3"/>
  </si>
  <si>
    <t>山北町</t>
    <rPh sb="0" eb="3">
      <t>ヤマキタマチ</t>
    </rPh>
    <phoneticPr fontId="3"/>
  </si>
  <si>
    <t>開成町</t>
    <rPh sb="0" eb="3">
      <t>カイセイマチ</t>
    </rPh>
    <phoneticPr fontId="3"/>
  </si>
  <si>
    <t>足柄下郡</t>
    <rPh sb="0" eb="4">
      <t>アシガラシモグン</t>
    </rPh>
    <phoneticPr fontId="3"/>
  </si>
  <si>
    <t>箱根町</t>
    <rPh sb="0" eb="3">
      <t>ハコネマチ</t>
    </rPh>
    <phoneticPr fontId="3"/>
  </si>
  <si>
    <t>真鶴町</t>
    <rPh sb="0" eb="3">
      <t>マナヅルマチ</t>
    </rPh>
    <phoneticPr fontId="3"/>
  </si>
  <si>
    <t>湯河原町</t>
    <rPh sb="0" eb="4">
      <t>ユガワラマチ</t>
    </rPh>
    <phoneticPr fontId="3"/>
  </si>
  <si>
    <t>愛甲郡</t>
    <rPh sb="0" eb="3">
      <t>アイコウグン</t>
    </rPh>
    <phoneticPr fontId="3"/>
  </si>
  <si>
    <t>愛川町</t>
    <rPh sb="0" eb="3">
      <t>アイカワマチ</t>
    </rPh>
    <phoneticPr fontId="3"/>
  </si>
  <si>
    <t>清川村</t>
    <rPh sb="0" eb="3">
      <t>キヨカワムラ</t>
    </rPh>
    <phoneticPr fontId="3"/>
  </si>
  <si>
    <t>(注)転入・転出には、県内市区町村間の移動を含む。</t>
    <rPh sb="1" eb="2">
      <t>チュウ</t>
    </rPh>
    <rPh sb="3" eb="5">
      <t>テンニュウ</t>
    </rPh>
    <rPh sb="6" eb="8">
      <t>テンシュツ</t>
    </rPh>
    <rPh sb="11" eb="18">
      <t>ケンナイシクチョウソンカン</t>
    </rPh>
    <rPh sb="19" eb="21">
      <t>イドウ</t>
    </rPh>
    <rPh sb="22" eb="23">
      <t>フク</t>
    </rPh>
    <phoneticPr fontId="3"/>
  </si>
  <si>
    <t>市区町村別移動人口</t>
    <rPh sb="5" eb="7">
      <t>イドウ</t>
    </rPh>
    <rPh sb="7" eb="9">
      <t>ジンコウ</t>
    </rPh>
    <phoneticPr fontId="3"/>
  </si>
  <si>
    <t>第７表</t>
    <rPh sb="0" eb="1">
      <t>ダイ</t>
    </rPh>
    <rPh sb="2" eb="3">
      <t>ヒョウ</t>
    </rPh>
    <phoneticPr fontId="3"/>
  </si>
  <si>
    <t>転　　入</t>
    <phoneticPr fontId="3"/>
  </si>
  <si>
    <t>転　　出</t>
    <phoneticPr fontId="3"/>
  </si>
  <si>
    <t>(注)「その他」は、住民基本台帳法施行令の規定により、職権で住民票へ記載された者又は住民票から消除された者の数</t>
    <rPh sb="6" eb="7">
      <t>ホカ</t>
    </rPh>
    <rPh sb="10" eb="12">
      <t>ジュウミン</t>
    </rPh>
    <rPh sb="12" eb="14">
      <t>キホン</t>
    </rPh>
    <rPh sb="14" eb="16">
      <t>ダイチョウ</t>
    </rPh>
    <rPh sb="16" eb="17">
      <t>ホウ</t>
    </rPh>
    <rPh sb="17" eb="19">
      <t>セコウ</t>
    </rPh>
    <rPh sb="19" eb="20">
      <t>レイ</t>
    </rPh>
    <rPh sb="21" eb="23">
      <t>キテイ</t>
    </rPh>
    <rPh sb="27" eb="29">
      <t>ショッケン</t>
    </rPh>
    <rPh sb="30" eb="33">
      <t>ジュウミンヒョウ</t>
    </rPh>
    <rPh sb="34" eb="36">
      <t>キサイ</t>
    </rPh>
    <rPh sb="39" eb="40">
      <t>モノ</t>
    </rPh>
    <rPh sb="40" eb="41">
      <t>マタ</t>
    </rPh>
    <rPh sb="42" eb="45">
      <t>ジュウミンヒョウ</t>
    </rPh>
    <rPh sb="47" eb="48">
      <t>ショウ</t>
    </rPh>
    <rPh sb="48" eb="49">
      <t>ジョ</t>
    </rPh>
    <rPh sb="52" eb="53">
      <t>モノ</t>
    </rPh>
    <rPh sb="54" eb="55">
      <t>カズ</t>
    </rPh>
    <phoneticPr fontId="3"/>
  </si>
  <si>
    <t>月別市区町村別人口及び世帯数　(1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第８表</t>
    <rPh sb="0" eb="1">
      <t>ダイ</t>
    </rPh>
    <rPh sb="2" eb="3">
      <t>ヒョウ</t>
    </rPh>
    <phoneticPr fontId="3"/>
  </si>
  <si>
    <t>平成28年１月１日</t>
  </si>
  <si>
    <t>平成28年２月１日</t>
  </si>
  <si>
    <t>総人口</t>
    <rPh sb="0" eb="1">
      <t>ソウ</t>
    </rPh>
    <rPh sb="1" eb="3">
      <t>ジンコ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総人口</t>
    <rPh sb="0" eb="3">
      <t>ソウジンコウ</t>
    </rPh>
    <phoneticPr fontId="3"/>
  </si>
  <si>
    <t>月別市区町村別人口及び世帯数　(2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平成28年３月１日</t>
  </si>
  <si>
    <t>平成28年４月１日</t>
  </si>
  <si>
    <t>月別市区町村別人口及び世帯数　(3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平成28年５月１日</t>
  </si>
  <si>
    <t>平成28年６月１日</t>
  </si>
  <si>
    <t>月別市区町村別人口及び世帯数　(4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平成28年７月１日</t>
  </si>
  <si>
    <t>平成28年８月１日</t>
  </si>
  <si>
    <t>月別市区町村別人口及び世帯数　(5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平成28年９月１日</t>
  </si>
  <si>
    <t>平成28年10月１日</t>
  </si>
  <si>
    <t>月別市区町村別人口及び世帯数　(6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3"/>
  </si>
  <si>
    <t>平成28年11月１日</t>
  </si>
  <si>
    <t>平成28年12月１日</t>
  </si>
  <si>
    <t>月別地域別人口(平成28年)</t>
  </si>
  <si>
    <t>第９表</t>
    <rPh sb="0" eb="1">
      <t>ダイ</t>
    </rPh>
    <rPh sb="2" eb="3">
      <t>ヒョウ</t>
    </rPh>
    <phoneticPr fontId="3"/>
  </si>
  <si>
    <t>地　　域</t>
    <rPh sb="0" eb="1">
      <t>チ</t>
    </rPh>
    <rPh sb="3" eb="4">
      <t>イキ</t>
    </rPh>
    <phoneticPr fontId="3"/>
  </si>
  <si>
    <t>横浜</t>
    <rPh sb="0" eb="2">
      <t>ヨコハマ</t>
    </rPh>
    <phoneticPr fontId="3"/>
  </si>
  <si>
    <t>川崎</t>
    <rPh sb="0" eb="2">
      <t>カワサキ</t>
    </rPh>
    <phoneticPr fontId="3"/>
  </si>
  <si>
    <t>横須賀三浦</t>
    <rPh sb="0" eb="5">
      <t>ヨコスカミウラ</t>
    </rPh>
    <phoneticPr fontId="3"/>
  </si>
  <si>
    <t>葉山町</t>
    <rPh sb="0" eb="3">
      <t>ハヤママチ</t>
    </rPh>
    <phoneticPr fontId="3"/>
  </si>
  <si>
    <t>県央</t>
    <rPh sb="0" eb="2">
      <t>ケンオウ</t>
    </rPh>
    <phoneticPr fontId="3"/>
  </si>
  <si>
    <t>湘南</t>
    <rPh sb="0" eb="2">
      <t>ショウナン</t>
    </rPh>
    <phoneticPr fontId="3"/>
  </si>
  <si>
    <t>茅ヶ崎市</t>
    <phoneticPr fontId="3"/>
  </si>
  <si>
    <t>寒川町</t>
    <rPh sb="0" eb="3">
      <t>サムカワマチ</t>
    </rPh>
    <phoneticPr fontId="3"/>
  </si>
  <si>
    <t>県西</t>
    <rPh sb="0" eb="2">
      <t>ケンセイ</t>
    </rPh>
    <phoneticPr fontId="3"/>
  </si>
  <si>
    <t>地域別人口増減及び増減率</t>
    <rPh sb="0" eb="5">
      <t>チイキベツジンコウ</t>
    </rPh>
    <rPh sb="5" eb="8">
      <t>ゾウゲンオヨ</t>
    </rPh>
    <rPh sb="9" eb="11">
      <t>ゾウゲン</t>
    </rPh>
    <rPh sb="11" eb="12">
      <t>リツ</t>
    </rPh>
    <phoneticPr fontId="3"/>
  </si>
  <si>
    <t>第10表</t>
    <rPh sb="0" eb="1">
      <t>ダイ</t>
    </rPh>
    <rPh sb="3" eb="4">
      <t>ヒョウ</t>
    </rPh>
    <phoneticPr fontId="3"/>
  </si>
  <si>
    <t>地域（※）</t>
    <rPh sb="0" eb="2">
      <t>チイキ</t>
    </rPh>
    <phoneticPr fontId="3"/>
  </si>
  <si>
    <t>年　　間
人口増減</t>
    <rPh sb="0" eb="1">
      <t>トシ</t>
    </rPh>
    <rPh sb="3" eb="4">
      <t>アイダ</t>
    </rPh>
    <rPh sb="5" eb="7">
      <t>ジンコウ</t>
    </rPh>
    <rPh sb="7" eb="9">
      <t>ゾウゲン</t>
    </rPh>
    <phoneticPr fontId="3"/>
  </si>
  <si>
    <t>人口増減
構 成 比</t>
    <rPh sb="0" eb="4">
      <t>ジンコウゾウゲン</t>
    </rPh>
    <rPh sb="5" eb="6">
      <t>コウ</t>
    </rPh>
    <rPh sb="7" eb="8">
      <t>シゲル</t>
    </rPh>
    <rPh sb="9" eb="10">
      <t>ヒ</t>
    </rPh>
    <phoneticPr fontId="3"/>
  </si>
  <si>
    <t>(注)人口は平成29年１月１日現在</t>
  </si>
  <si>
    <t>※地域(平成29年１月１日現在)</t>
  </si>
  <si>
    <t>・・・・・・・・・・</t>
    <phoneticPr fontId="3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20">
      <t>ハヤママチ</t>
    </rPh>
    <phoneticPr fontId="3"/>
  </si>
  <si>
    <t>相模原市、厚木市、大和市、海老名市、座間市、綾瀬市、愛川町、清川村</t>
    <rPh sb="0" eb="4">
      <t>サガミハラシ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3"/>
  </si>
  <si>
    <t>平塚市、藤沢市、茅ヶ崎市、秦野市、伊勢原市、寒川町、大磯町、二宮町</t>
    <rPh sb="0" eb="3">
      <t>ヒラツカシ</t>
    </rPh>
    <rPh sb="4" eb="7">
      <t>フジサワシ</t>
    </rPh>
    <rPh sb="13" eb="16">
      <t>ハダノシ</t>
    </rPh>
    <rPh sb="17" eb="21">
      <t>イセハラシ</t>
    </rPh>
    <rPh sb="22" eb="25">
      <t>サムカワマチ</t>
    </rPh>
    <rPh sb="26" eb="29">
      <t>オオイソマチ</t>
    </rPh>
    <rPh sb="30" eb="33">
      <t>ニノミヤマチ</t>
    </rPh>
    <phoneticPr fontId="3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2">
      <t>ユガワラマチ</t>
    </rPh>
    <phoneticPr fontId="3"/>
  </si>
  <si>
    <t>人口と世帯</t>
    <rPh sb="0" eb="2">
      <t>ジンコウ</t>
    </rPh>
    <rPh sb="3" eb="5">
      <t>セタイ</t>
    </rPh>
    <phoneticPr fontId="3"/>
  </si>
  <si>
    <t>参考１</t>
    <rPh sb="0" eb="2">
      <t>サンコウ</t>
    </rPh>
    <phoneticPr fontId="3"/>
  </si>
  <si>
    <t>平成29年１月１日現在</t>
  </si>
  <si>
    <t>１世帯
当たり人員</t>
    <rPh sb="1" eb="3">
      <t>セタイ</t>
    </rPh>
    <rPh sb="4" eb="5">
      <t>ア</t>
    </rPh>
    <rPh sb="7" eb="9">
      <t>ジンイン</t>
    </rPh>
    <phoneticPr fontId="3"/>
  </si>
  <si>
    <r>
      <t>人口密度
(1km</t>
    </r>
    <r>
      <rPr>
        <vertAlign val="superscript"/>
        <sz val="8"/>
        <color indexed="8"/>
        <rFont val="HGPｺﾞｼｯｸM"/>
        <family val="3"/>
        <charset val="128"/>
      </rPr>
      <t>2</t>
    </r>
    <r>
      <rPr>
        <sz val="8"/>
        <color indexed="8"/>
        <rFont val="HGPｺﾞｼｯｸM"/>
        <family val="3"/>
        <charset val="128"/>
      </rPr>
      <t>)</t>
    </r>
    <rPh sb="0" eb="2">
      <t>ジンコウ</t>
    </rPh>
    <rPh sb="2" eb="4">
      <t>ミツド</t>
    </rPh>
    <phoneticPr fontId="3"/>
  </si>
  <si>
    <t>女性100人
につき男性</t>
    <rPh sb="0" eb="2">
      <t>ジョセイ</t>
    </rPh>
    <rPh sb="5" eb="6">
      <t>ニン</t>
    </rPh>
    <rPh sb="10" eb="12">
      <t>ダンセイ</t>
    </rPh>
    <phoneticPr fontId="3"/>
  </si>
  <si>
    <t>人口総数
割合</t>
    <rPh sb="0" eb="4">
      <t>ジンコウソウスウ</t>
    </rPh>
    <rPh sb="5" eb="7">
      <t>ワリアイ</t>
    </rPh>
    <phoneticPr fontId="3"/>
  </si>
  <si>
    <t>人</t>
    <rPh sb="0" eb="1">
      <t>ニン</t>
    </rPh>
    <phoneticPr fontId="3"/>
  </si>
  <si>
    <r>
      <rPr>
        <sz val="7"/>
        <color indexed="8"/>
        <rFont val="Calibri"/>
        <family val="2"/>
      </rPr>
      <t>(</t>
    </r>
    <r>
      <rPr>
        <sz val="7"/>
        <color indexed="8"/>
        <rFont val="HGPｺﾞｼｯｸM"/>
        <family val="3"/>
        <charset val="128"/>
      </rPr>
      <t>注</t>
    </r>
    <r>
      <rPr>
        <sz val="7"/>
        <color indexed="8"/>
        <rFont val="Calibri"/>
        <family val="2"/>
      </rPr>
      <t>)</t>
    </r>
    <r>
      <rPr>
        <sz val="7"/>
        <color indexed="8"/>
        <rFont val="HGPｺﾞｼｯｸM"/>
        <family val="3"/>
        <charset val="128"/>
      </rPr>
      <t>人口密度は、</t>
    </r>
    <r>
      <rPr>
        <sz val="7"/>
        <color indexed="8"/>
        <rFont val="HGPｺﾞｼｯｸM"/>
        <family val="3"/>
        <charset val="128"/>
      </rPr>
      <t>国土交通省国土地理院「全国都道府県市区町村別面積調（平成</t>
    </r>
    <r>
      <rPr>
        <sz val="7"/>
        <color indexed="8"/>
        <rFont val="Calibri"/>
        <family val="2"/>
      </rPr>
      <t>27</t>
    </r>
    <r>
      <rPr>
        <sz val="7"/>
        <color indexed="8"/>
        <rFont val="HGPｺﾞｼｯｸM"/>
        <family val="3"/>
        <charset val="128"/>
      </rPr>
      <t>年</t>
    </r>
    <r>
      <rPr>
        <sz val="7"/>
        <color indexed="8"/>
        <rFont val="Calibri"/>
        <family val="2"/>
      </rPr>
      <t>10</t>
    </r>
    <r>
      <rPr>
        <sz val="7"/>
        <color indexed="8"/>
        <rFont val="HGPｺﾞｼｯｸM"/>
        <family val="3"/>
        <charset val="128"/>
      </rPr>
      <t>月</t>
    </r>
    <r>
      <rPr>
        <sz val="7"/>
        <color indexed="8"/>
        <rFont val="Calibri"/>
        <family val="2"/>
      </rPr>
      <t>1</t>
    </r>
    <r>
      <rPr>
        <sz val="7"/>
        <color indexed="8"/>
        <rFont val="HGPｺﾞｼｯｸM"/>
        <family val="3"/>
        <charset val="128"/>
      </rPr>
      <t>日現在）」の数値に基づき算定</t>
    </r>
    <phoneticPr fontId="3"/>
  </si>
  <si>
    <t>国勢調査結果による人口と世帯の推移</t>
    <rPh sb="0" eb="6">
      <t>コクセイチョウサケッカ</t>
    </rPh>
    <rPh sb="9" eb="11">
      <t>ジンコウ</t>
    </rPh>
    <rPh sb="12" eb="14">
      <t>セタイ</t>
    </rPh>
    <rPh sb="15" eb="17">
      <t>スイイ</t>
    </rPh>
    <phoneticPr fontId="3"/>
  </si>
  <si>
    <t>参考２</t>
    <rPh sb="0" eb="2">
      <t>サンコウ</t>
    </rPh>
    <phoneticPr fontId="3"/>
  </si>
  <si>
    <t>前回調査に対する増減</t>
    <rPh sb="0" eb="4">
      <t>ゼンカイチョウサ</t>
    </rPh>
    <rPh sb="5" eb="6">
      <t>タイ</t>
    </rPh>
    <rPh sb="8" eb="10">
      <t>ゾウゲン</t>
    </rPh>
    <phoneticPr fontId="3"/>
  </si>
  <si>
    <t>１世帯当たり人員</t>
    <rPh sb="1" eb="3">
      <t>セタイ</t>
    </rPh>
    <rPh sb="3" eb="4">
      <t>ア</t>
    </rPh>
    <rPh sb="6" eb="8">
      <t>ジンイン</t>
    </rPh>
    <phoneticPr fontId="3"/>
  </si>
  <si>
    <t>世帯増減</t>
    <rPh sb="0" eb="4">
      <t>セタイゾウゲン</t>
    </rPh>
    <phoneticPr fontId="3"/>
  </si>
  <si>
    <t>％</t>
  </si>
  <si>
    <t>昭和22年10月1日
（臨時国勢調査）</t>
    <rPh sb="0" eb="2">
      <t>ショウワ</t>
    </rPh>
    <rPh sb="4" eb="5">
      <t>ネン</t>
    </rPh>
    <rPh sb="7" eb="8">
      <t>ガツ</t>
    </rPh>
    <rPh sb="9" eb="10">
      <t>ニチ</t>
    </rPh>
    <rPh sb="12" eb="14">
      <t>リンジ</t>
    </rPh>
    <rPh sb="14" eb="16">
      <t>コクセイ</t>
    </rPh>
    <rPh sb="16" eb="18">
      <t>チョウサ</t>
    </rPh>
    <phoneticPr fontId="20"/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_ "/>
    <numFmt numFmtId="177" formatCode="0.00_ ;\-0.00\ "/>
    <numFmt numFmtId="178" formatCode="#,##0.00_ "/>
    <numFmt numFmtId="179" formatCode="#,##0.0_ "/>
    <numFmt numFmtId="180" formatCode="0.0_ "/>
    <numFmt numFmtId="181" formatCode="0.0_);[Red]\(0.0\)"/>
  </numFmts>
  <fonts count="21">
    <font>
      <sz val="12"/>
      <color theme="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1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sz val="8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1"/>
      <charset val="128"/>
    </font>
    <font>
      <b/>
      <sz val="8"/>
      <name val="HGPｺﾞｼｯｸM"/>
      <family val="3"/>
      <charset val="128"/>
    </font>
    <font>
      <vertAlign val="superscript"/>
      <sz val="8"/>
      <color indexed="8"/>
      <name val="HGPｺﾞｼｯｸM"/>
      <family val="3"/>
      <charset val="128"/>
    </font>
    <font>
      <sz val="8"/>
      <color indexed="8"/>
      <name val="HGPｺﾞｼｯｸM"/>
      <family val="3"/>
      <charset val="128"/>
    </font>
    <font>
      <sz val="7"/>
      <color rgb="FF000000"/>
      <name val="HGPｺﾞｼｯｸM"/>
      <family val="3"/>
      <charset val="128"/>
    </font>
    <font>
      <sz val="7"/>
      <color indexed="8"/>
      <name val="Calibri"/>
      <family val="2"/>
    </font>
    <font>
      <sz val="7"/>
      <color indexed="8"/>
      <name val="HGPｺﾞｼｯｸM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9">
    <xf numFmtId="0" fontId="0" fillId="0" borderId="0">
      <alignment vertical="center"/>
    </xf>
    <xf numFmtId="9" fontId="10" fillId="0" borderId="0" applyFont="0" applyFill="0" applyBorder="0" applyAlignment="0" applyProtection="0"/>
    <xf numFmtId="40" fontId="10" fillId="0" borderId="0" applyFont="0" applyFill="0" applyBorder="0" applyAlignment="0" applyProtection="0"/>
    <xf numFmtId="38" fontId="10" fillId="0" borderId="0" applyFont="0" applyFill="0" applyBorder="0" applyAlignment="0" applyProtection="0"/>
    <xf numFmtId="0" fontId="10" fillId="0" borderId="0"/>
    <xf numFmtId="0" fontId="11" fillId="0" borderId="0">
      <alignment vertical="center"/>
    </xf>
    <xf numFmtId="37" fontId="12" fillId="0" borderId="0"/>
    <xf numFmtId="0" fontId="13" fillId="0" borderId="0">
      <alignment vertical="center"/>
    </xf>
    <xf numFmtId="0" fontId="1" fillId="0" borderId="0">
      <alignment vertical="center"/>
    </xf>
  </cellStyleXfs>
  <cellXfs count="266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0" fontId="4" fillId="0" borderId="19" xfId="0" applyFont="1" applyBorder="1">
      <alignment vertical="center"/>
    </xf>
    <xf numFmtId="0" fontId="4" fillId="0" borderId="0" xfId="0" applyFont="1" applyBorder="1" applyAlignment="1">
      <alignment horizontal="right" vertical="center"/>
    </xf>
    <xf numFmtId="0" fontId="4" fillId="0" borderId="8" xfId="0" applyFont="1" applyBorder="1" applyAlignment="1">
      <alignment horizontal="right" vertical="center"/>
    </xf>
    <xf numFmtId="0" fontId="4" fillId="0" borderId="11" xfId="0" applyFont="1" applyBorder="1" applyAlignment="1">
      <alignment horizontal="right" vertical="center"/>
    </xf>
    <xf numFmtId="0" fontId="4" fillId="0" borderId="13" xfId="0" applyFont="1" applyBorder="1" applyAlignment="1">
      <alignment horizontal="right" vertical="center"/>
    </xf>
    <xf numFmtId="0" fontId="5" fillId="2" borderId="7" xfId="0" applyFont="1" applyFill="1" applyBorder="1" applyAlignment="1">
      <alignment horizontal="distributed" vertical="center"/>
    </xf>
    <xf numFmtId="0" fontId="6" fillId="2" borderId="0" xfId="0" applyFont="1" applyFill="1" applyBorder="1" applyAlignment="1">
      <alignment horizontal="distributed" vertical="center"/>
    </xf>
    <xf numFmtId="0" fontId="6" fillId="2" borderId="0" xfId="0" applyFont="1" applyFill="1" applyBorder="1">
      <alignment vertical="center"/>
    </xf>
    <xf numFmtId="176" fontId="6" fillId="2" borderId="8" xfId="0" applyNumberFormat="1" applyFont="1" applyFill="1" applyBorder="1">
      <alignment vertical="center"/>
    </xf>
    <xf numFmtId="176" fontId="6" fillId="2" borderId="8" xfId="0" applyNumberFormat="1" applyFont="1" applyFill="1" applyBorder="1" applyAlignment="1">
      <alignment horizontal="center" vertical="center"/>
    </xf>
    <xf numFmtId="177" fontId="6" fillId="2" borderId="8" xfId="0" applyNumberFormat="1" applyFont="1" applyFill="1" applyBorder="1" applyAlignment="1">
      <alignment horizontal="center" vertical="center"/>
    </xf>
    <xf numFmtId="176" fontId="6" fillId="2" borderId="0" xfId="0" applyNumberFormat="1" applyFont="1" applyFill="1" applyBorder="1">
      <alignment vertical="center"/>
    </xf>
    <xf numFmtId="178" fontId="6" fillId="2" borderId="13" xfId="0" applyNumberFormat="1" applyFont="1" applyFill="1" applyBorder="1">
      <alignment vertical="center"/>
    </xf>
    <xf numFmtId="0" fontId="5" fillId="0" borderId="7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distributed" vertical="center"/>
    </xf>
    <xf numFmtId="0" fontId="6" fillId="0" borderId="0" xfId="0" applyFont="1" applyFill="1" applyBorder="1">
      <alignment vertical="center"/>
    </xf>
    <xf numFmtId="176" fontId="7" fillId="0" borderId="8" xfId="0" applyNumberFormat="1" applyFont="1" applyFill="1" applyBorder="1" applyAlignment="1">
      <alignment horizontal="right" vertical="center"/>
    </xf>
    <xf numFmtId="177" fontId="7" fillId="0" borderId="8" xfId="0" applyNumberFormat="1" applyFont="1" applyFill="1" applyBorder="1" applyAlignment="1">
      <alignment horizontal="right" vertical="center"/>
    </xf>
    <xf numFmtId="176" fontId="7" fillId="0" borderId="0" xfId="0" applyNumberFormat="1" applyFont="1" applyFill="1" applyBorder="1" applyAlignment="1">
      <alignment horizontal="right" vertical="center"/>
    </xf>
    <xf numFmtId="178" fontId="7" fillId="0" borderId="13" xfId="0" applyNumberFormat="1" applyFont="1" applyFill="1" applyBorder="1" applyAlignment="1">
      <alignment horizontal="right" vertical="center"/>
    </xf>
    <xf numFmtId="0" fontId="4" fillId="0" borderId="0" xfId="0" applyFont="1" applyFill="1">
      <alignment vertical="center"/>
    </xf>
    <xf numFmtId="0" fontId="0" fillId="0" borderId="0" xfId="0" applyFill="1">
      <alignment vertical="center"/>
    </xf>
    <xf numFmtId="0" fontId="8" fillId="0" borderId="7" xfId="0" applyFont="1" applyFill="1" applyBorder="1" applyAlignment="1">
      <alignment horizontal="distributed" vertical="center"/>
    </xf>
    <xf numFmtId="0" fontId="4" fillId="0" borderId="0" xfId="0" applyFont="1" applyFill="1" applyBorder="1">
      <alignment vertical="center"/>
    </xf>
    <xf numFmtId="176" fontId="4" fillId="0" borderId="8" xfId="0" applyNumberFormat="1" applyFont="1" applyFill="1" applyBorder="1" applyAlignment="1">
      <alignment horizontal="right" vertical="center"/>
    </xf>
    <xf numFmtId="177" fontId="4" fillId="0" borderId="8" xfId="0" applyNumberFormat="1" applyFont="1" applyFill="1" applyBorder="1" applyAlignment="1">
      <alignment horizontal="right" vertical="center"/>
    </xf>
    <xf numFmtId="176" fontId="4" fillId="0" borderId="0" xfId="0" applyNumberFormat="1" applyFont="1" applyFill="1" applyBorder="1" applyAlignment="1">
      <alignment horizontal="right" vertical="center"/>
    </xf>
    <xf numFmtId="178" fontId="4" fillId="0" borderId="13" xfId="0" applyNumberFormat="1" applyFont="1" applyFill="1" applyBorder="1" applyAlignment="1">
      <alignment horizontal="right" vertical="center"/>
    </xf>
    <xf numFmtId="0" fontId="4" fillId="0" borderId="7" xfId="0" applyFont="1" applyBorder="1" applyAlignment="1">
      <alignment horizontal="distributed" vertical="center"/>
    </xf>
    <xf numFmtId="0" fontId="7" fillId="0" borderId="0" xfId="0" applyFont="1" applyBorder="1" applyAlignment="1">
      <alignment horizontal="distributed" vertical="center"/>
    </xf>
    <xf numFmtId="0" fontId="4" fillId="0" borderId="0" xfId="0" applyFont="1" applyBorder="1">
      <alignment vertical="center"/>
    </xf>
    <xf numFmtId="176" fontId="4" fillId="0" borderId="8" xfId="0" applyNumberFormat="1" applyFont="1" applyBorder="1" applyAlignment="1">
      <alignment horizontal="right" vertical="center"/>
    </xf>
    <xf numFmtId="177" fontId="4" fillId="0" borderId="8" xfId="0" applyNumberFormat="1" applyFont="1" applyBorder="1" applyAlignment="1">
      <alignment horizontal="right" vertical="center"/>
    </xf>
    <xf numFmtId="176" fontId="4" fillId="0" borderId="0" xfId="0" applyNumberFormat="1" applyFont="1" applyBorder="1" applyAlignment="1">
      <alignment horizontal="right" vertical="center"/>
    </xf>
    <xf numFmtId="178" fontId="4" fillId="0" borderId="13" xfId="0" applyNumberFormat="1" applyFont="1" applyBorder="1" applyAlignment="1">
      <alignment horizontal="right" vertical="center"/>
    </xf>
    <xf numFmtId="0" fontId="8" fillId="3" borderId="7" xfId="0" applyFont="1" applyFill="1" applyBorder="1" applyAlignment="1">
      <alignment horizontal="distributed" vertical="center"/>
    </xf>
    <xf numFmtId="0" fontId="7" fillId="3" borderId="0" xfId="0" applyFont="1" applyFill="1" applyBorder="1" applyAlignment="1">
      <alignment horizontal="distributed" vertical="center"/>
    </xf>
    <xf numFmtId="0" fontId="4" fillId="3" borderId="0" xfId="0" applyFont="1" applyFill="1" applyBorder="1">
      <alignment vertical="center"/>
    </xf>
    <xf numFmtId="176" fontId="4" fillId="3" borderId="8" xfId="0" applyNumberFormat="1" applyFont="1" applyFill="1" applyBorder="1" applyAlignment="1">
      <alignment horizontal="right" vertical="center"/>
    </xf>
    <xf numFmtId="177" fontId="4" fillId="3" borderId="8" xfId="0" applyNumberFormat="1" applyFont="1" applyFill="1" applyBorder="1" applyAlignment="1">
      <alignment horizontal="right" vertical="center"/>
    </xf>
    <xf numFmtId="176" fontId="4" fillId="3" borderId="0" xfId="0" applyNumberFormat="1" applyFont="1" applyFill="1" applyBorder="1" applyAlignment="1">
      <alignment horizontal="right" vertical="center"/>
    </xf>
    <xf numFmtId="178" fontId="4" fillId="3" borderId="13" xfId="0" applyNumberFormat="1" applyFont="1" applyFill="1" applyBorder="1" applyAlignment="1">
      <alignment horizontal="right" vertical="center"/>
    </xf>
    <xf numFmtId="0" fontId="4" fillId="0" borderId="20" xfId="0" applyFont="1" applyBorder="1">
      <alignment vertical="center"/>
    </xf>
    <xf numFmtId="0" fontId="4" fillId="0" borderId="21" xfId="0" applyFont="1" applyBorder="1">
      <alignment vertical="center"/>
    </xf>
    <xf numFmtId="176" fontId="4" fillId="0" borderId="22" xfId="0" applyNumberFormat="1" applyFont="1" applyBorder="1" applyAlignment="1">
      <alignment horizontal="right" vertical="center"/>
    </xf>
    <xf numFmtId="178" fontId="4" fillId="0" borderId="22" xfId="0" applyNumberFormat="1" applyFont="1" applyBorder="1" applyAlignment="1">
      <alignment horizontal="right" vertical="center"/>
    </xf>
    <xf numFmtId="176" fontId="4" fillId="0" borderId="21" xfId="0" applyNumberFormat="1" applyFont="1" applyBorder="1" applyAlignment="1">
      <alignment horizontal="right" vertical="center"/>
    </xf>
    <xf numFmtId="178" fontId="4" fillId="0" borderId="23" xfId="0" applyNumberFormat="1" applyFont="1" applyBorder="1" applyAlignment="1">
      <alignment horizontal="right" vertical="center"/>
    </xf>
    <xf numFmtId="0" fontId="9" fillId="0" borderId="0" xfId="0" applyFont="1" applyBorder="1" applyAlignment="1"/>
    <xf numFmtId="0" fontId="6" fillId="2" borderId="7" xfId="0" applyFont="1" applyFill="1" applyBorder="1" applyAlignment="1">
      <alignment horizontal="distributed" vertical="center"/>
    </xf>
    <xf numFmtId="176" fontId="6" fillId="2" borderId="8" xfId="0" applyNumberFormat="1" applyFont="1" applyFill="1" applyBorder="1" applyAlignment="1">
      <alignment horizontal="right" vertical="center"/>
    </xf>
    <xf numFmtId="179" fontId="6" fillId="2" borderId="8" xfId="0" applyNumberFormat="1" applyFont="1" applyFill="1" applyBorder="1" applyAlignment="1">
      <alignment horizontal="right" vertical="center"/>
    </xf>
    <xf numFmtId="180" fontId="6" fillId="2" borderId="0" xfId="0" applyNumberFormat="1" applyFont="1" applyFill="1" applyBorder="1" applyAlignment="1">
      <alignment horizontal="right" vertical="center"/>
    </xf>
    <xf numFmtId="180" fontId="6" fillId="2" borderId="13" xfId="0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distributed" vertical="center"/>
    </xf>
    <xf numFmtId="179" fontId="4" fillId="0" borderId="8" xfId="0" applyNumberFormat="1" applyFont="1" applyFill="1" applyBorder="1" applyAlignment="1">
      <alignment horizontal="right" vertical="center"/>
    </xf>
    <xf numFmtId="180" fontId="4" fillId="0" borderId="0" xfId="0" applyNumberFormat="1" applyFont="1" applyFill="1" applyBorder="1" applyAlignment="1">
      <alignment horizontal="right" vertical="center"/>
    </xf>
    <xf numFmtId="180" fontId="4" fillId="0" borderId="13" xfId="0" applyNumberFormat="1" applyFont="1" applyFill="1" applyBorder="1" applyAlignment="1">
      <alignment horizontal="right" vertical="center"/>
    </xf>
    <xf numFmtId="0" fontId="4" fillId="0" borderId="0" xfId="0" applyFont="1" applyBorder="1" applyAlignment="1">
      <alignment horizontal="distributed" vertical="center"/>
    </xf>
    <xf numFmtId="179" fontId="4" fillId="0" borderId="8" xfId="0" applyNumberFormat="1" applyFont="1" applyBorder="1" applyAlignment="1">
      <alignment horizontal="right" vertical="center"/>
    </xf>
    <xf numFmtId="180" fontId="4" fillId="0" borderId="0" xfId="0" applyNumberFormat="1" applyFont="1" applyBorder="1" applyAlignment="1">
      <alignment horizontal="right" vertical="center"/>
    </xf>
    <xf numFmtId="180" fontId="4" fillId="0" borderId="13" xfId="0" applyNumberFormat="1" applyFont="1" applyBorder="1" applyAlignment="1">
      <alignment horizontal="right" vertical="center"/>
    </xf>
    <xf numFmtId="0" fontId="4" fillId="3" borderId="0" xfId="0" applyFont="1" applyFill="1" applyBorder="1" applyAlignment="1">
      <alignment horizontal="distributed" vertical="center"/>
    </xf>
    <xf numFmtId="179" fontId="4" fillId="3" borderId="8" xfId="0" applyNumberFormat="1" applyFont="1" applyFill="1" applyBorder="1" applyAlignment="1">
      <alignment horizontal="right" vertical="center"/>
    </xf>
    <xf numFmtId="180" fontId="4" fillId="3" borderId="0" xfId="0" applyNumberFormat="1" applyFont="1" applyFill="1" applyBorder="1" applyAlignment="1">
      <alignment horizontal="right" vertical="center"/>
    </xf>
    <xf numFmtId="180" fontId="4" fillId="3" borderId="13" xfId="0" applyNumberFormat="1" applyFont="1" applyFill="1" applyBorder="1" applyAlignment="1">
      <alignment horizontal="right" vertical="center"/>
    </xf>
    <xf numFmtId="176" fontId="4" fillId="0" borderId="22" xfId="0" applyNumberFormat="1" applyFont="1" applyBorder="1">
      <alignment vertical="center"/>
    </xf>
    <xf numFmtId="0" fontId="4" fillId="0" borderId="22" xfId="0" applyFont="1" applyBorder="1">
      <alignment vertical="center"/>
    </xf>
    <xf numFmtId="180" fontId="4" fillId="0" borderId="21" xfId="0" applyNumberFormat="1" applyFont="1" applyBorder="1">
      <alignment vertical="center"/>
    </xf>
    <xf numFmtId="180" fontId="4" fillId="0" borderId="23" xfId="0" applyNumberFormat="1" applyFont="1" applyBorder="1">
      <alignment vertical="center"/>
    </xf>
    <xf numFmtId="0" fontId="4" fillId="0" borderId="28" xfId="0" applyFont="1" applyBorder="1" applyAlignment="1">
      <alignment horizontal="center" vertical="center"/>
    </xf>
    <xf numFmtId="176" fontId="6" fillId="2" borderId="13" xfId="0" applyNumberFormat="1" applyFont="1" applyFill="1" applyBorder="1" applyAlignment="1">
      <alignment horizontal="right" vertical="center"/>
    </xf>
    <xf numFmtId="176" fontId="7" fillId="0" borderId="13" xfId="0" applyNumberFormat="1" applyFont="1" applyFill="1" applyBorder="1" applyAlignment="1">
      <alignment horizontal="right" vertical="center"/>
    </xf>
    <xf numFmtId="176" fontId="7" fillId="0" borderId="8" xfId="0" applyNumberFormat="1" applyFont="1" applyBorder="1" applyAlignment="1">
      <alignment horizontal="right" vertical="center"/>
    </xf>
    <xf numFmtId="176" fontId="7" fillId="0" borderId="13" xfId="0" applyNumberFormat="1" applyFont="1" applyBorder="1" applyAlignment="1">
      <alignment horizontal="right" vertical="center"/>
    </xf>
    <xf numFmtId="176" fontId="7" fillId="3" borderId="8" xfId="0" applyNumberFormat="1" applyFont="1" applyFill="1" applyBorder="1" applyAlignment="1">
      <alignment horizontal="right" vertical="center"/>
    </xf>
    <xf numFmtId="176" fontId="7" fillId="3" borderId="13" xfId="0" applyNumberFormat="1" applyFont="1" applyFill="1" applyBorder="1" applyAlignment="1">
      <alignment horizontal="right" vertical="center"/>
    </xf>
    <xf numFmtId="176" fontId="4" fillId="0" borderId="13" xfId="0" applyNumberFormat="1" applyFont="1" applyBorder="1" applyAlignment="1">
      <alignment horizontal="right" vertical="center"/>
    </xf>
    <xf numFmtId="176" fontId="4" fillId="3" borderId="13" xfId="0" applyNumberFormat="1" applyFont="1" applyFill="1" applyBorder="1" applyAlignment="1">
      <alignment horizontal="right" vertical="center"/>
    </xf>
    <xf numFmtId="0" fontId="4" fillId="0" borderId="20" xfId="0" applyFont="1" applyBorder="1" applyAlignment="1">
      <alignment horizontal="distributed" vertical="center"/>
    </xf>
    <xf numFmtId="0" fontId="4" fillId="0" borderId="21" xfId="0" applyFont="1" applyBorder="1" applyAlignment="1">
      <alignment horizontal="distributed" vertical="center"/>
    </xf>
    <xf numFmtId="178" fontId="4" fillId="0" borderId="23" xfId="0" applyNumberFormat="1" applyFont="1" applyBorder="1">
      <alignment vertical="center"/>
    </xf>
    <xf numFmtId="0" fontId="1" fillId="0" borderId="0" xfId="8">
      <alignment vertical="center"/>
    </xf>
    <xf numFmtId="0" fontId="13" fillId="0" borderId="0" xfId="7">
      <alignment vertical="center"/>
    </xf>
    <xf numFmtId="0" fontId="4" fillId="0" borderId="0" xfId="7" applyFont="1" applyAlignment="1">
      <alignment horizontal="right" vertical="center"/>
    </xf>
    <xf numFmtId="0" fontId="4" fillId="0" borderId="0" xfId="7" applyFont="1" applyBorder="1" applyAlignment="1">
      <alignment horizontal="center" vertical="center" wrapText="1"/>
    </xf>
    <xf numFmtId="0" fontId="4" fillId="0" borderId="16" xfId="7" applyFont="1" applyBorder="1" applyAlignment="1">
      <alignment horizontal="center" vertical="center"/>
    </xf>
    <xf numFmtId="0" fontId="4" fillId="0" borderId="12" xfId="7" applyFont="1" applyBorder="1" applyAlignment="1">
      <alignment horizontal="center" vertical="center"/>
    </xf>
    <xf numFmtId="0" fontId="4" fillId="0" borderId="28" xfId="7" applyFont="1" applyBorder="1" applyAlignment="1">
      <alignment horizontal="center" vertical="center"/>
    </xf>
    <xf numFmtId="0" fontId="4" fillId="0" borderId="0" xfId="7" applyFont="1" applyBorder="1" applyAlignment="1">
      <alignment horizontal="center" vertical="center"/>
    </xf>
    <xf numFmtId="0" fontId="4" fillId="0" borderId="7" xfId="7" applyFont="1" applyBorder="1">
      <alignment vertical="center"/>
    </xf>
    <xf numFmtId="0" fontId="4" fillId="0" borderId="0" xfId="7" applyFont="1" applyBorder="1">
      <alignment vertical="center"/>
    </xf>
    <xf numFmtId="0" fontId="4" fillId="0" borderId="11" xfId="7" applyFont="1" applyBorder="1" applyAlignment="1">
      <alignment horizontal="right" vertical="center"/>
    </xf>
    <xf numFmtId="0" fontId="4" fillId="0" borderId="31" xfId="7" applyFont="1" applyBorder="1" applyAlignment="1">
      <alignment horizontal="right" vertical="center"/>
    </xf>
    <xf numFmtId="0" fontId="6" fillId="2" borderId="7" xfId="7" applyFont="1" applyFill="1" applyBorder="1">
      <alignment vertical="center"/>
    </xf>
    <xf numFmtId="0" fontId="6" fillId="2" borderId="0" xfId="7" applyFont="1" applyFill="1" applyBorder="1" applyAlignment="1">
      <alignment horizontal="center" vertical="center"/>
    </xf>
    <xf numFmtId="0" fontId="6" fillId="2" borderId="0" xfId="7" applyFont="1" applyFill="1" applyBorder="1">
      <alignment vertical="center"/>
    </xf>
    <xf numFmtId="176" fontId="6" fillId="2" borderId="8" xfId="7" applyNumberFormat="1" applyFont="1" applyFill="1" applyBorder="1" applyAlignment="1">
      <alignment horizontal="right" vertical="center"/>
    </xf>
    <xf numFmtId="176" fontId="6" fillId="2" borderId="31" xfId="7" applyNumberFormat="1" applyFont="1" applyFill="1" applyBorder="1" applyAlignment="1">
      <alignment horizontal="right" vertical="center"/>
    </xf>
    <xf numFmtId="176" fontId="4" fillId="0" borderId="8" xfId="7" applyNumberFormat="1" applyFont="1" applyBorder="1" applyAlignment="1">
      <alignment horizontal="right" vertical="center"/>
    </xf>
    <xf numFmtId="176" fontId="4" fillId="0" borderId="31" xfId="7" applyNumberFormat="1" applyFont="1" applyBorder="1" applyAlignment="1">
      <alignment horizontal="right" vertical="center"/>
    </xf>
    <xf numFmtId="0" fontId="4" fillId="0" borderId="20" xfId="7" applyFont="1" applyBorder="1">
      <alignment vertical="center"/>
    </xf>
    <xf numFmtId="0" fontId="4" fillId="0" borderId="21" xfId="7" applyFont="1" applyBorder="1" applyAlignment="1">
      <alignment horizontal="center" vertical="center"/>
    </xf>
    <xf numFmtId="0" fontId="4" fillId="0" borderId="21" xfId="7" applyFont="1" applyBorder="1">
      <alignment vertical="center"/>
    </xf>
    <xf numFmtId="176" fontId="4" fillId="0" borderId="22" xfId="7" applyNumberFormat="1" applyFont="1" applyBorder="1" applyAlignment="1">
      <alignment horizontal="right" vertical="center"/>
    </xf>
    <xf numFmtId="176" fontId="4" fillId="0" borderId="32" xfId="7" applyNumberFormat="1" applyFont="1" applyBorder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4" fillId="0" borderId="25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9" xfId="0" applyFont="1" applyBorder="1" applyAlignment="1">
      <alignment horizontal="right" vertical="center"/>
    </xf>
    <xf numFmtId="0" fontId="4" fillId="0" borderId="9" xfId="0" applyFont="1" applyBorder="1">
      <alignment vertical="center"/>
    </xf>
    <xf numFmtId="0" fontId="4" fillId="0" borderId="31" xfId="0" applyFont="1" applyBorder="1">
      <alignment vertical="center"/>
    </xf>
    <xf numFmtId="176" fontId="6" fillId="2" borderId="9" xfId="0" applyNumberFormat="1" applyFont="1" applyFill="1" applyBorder="1" applyAlignment="1">
      <alignment horizontal="right" vertical="center"/>
    </xf>
    <xf numFmtId="0" fontId="5" fillId="2" borderId="9" xfId="0" applyFont="1" applyFill="1" applyBorder="1" applyAlignment="1">
      <alignment horizontal="distributed" vertical="center"/>
    </xf>
    <xf numFmtId="0" fontId="6" fillId="2" borderId="31" xfId="0" applyFont="1" applyFill="1" applyBorder="1">
      <alignment vertical="center"/>
    </xf>
    <xf numFmtId="176" fontId="4" fillId="0" borderId="9" xfId="0" applyNumberFormat="1" applyFont="1" applyFill="1" applyBorder="1" applyAlignment="1">
      <alignment horizontal="right" vertical="center"/>
    </xf>
    <xf numFmtId="0" fontId="8" fillId="0" borderId="9" xfId="0" applyFont="1" applyFill="1" applyBorder="1" applyAlignment="1">
      <alignment horizontal="distributed" vertical="center"/>
    </xf>
    <xf numFmtId="0" fontId="4" fillId="0" borderId="31" xfId="0" applyFont="1" applyFill="1" applyBorder="1">
      <alignment vertical="center"/>
    </xf>
    <xf numFmtId="176" fontId="4" fillId="3" borderId="9" xfId="0" applyNumberFormat="1" applyFont="1" applyFill="1" applyBorder="1" applyAlignment="1">
      <alignment horizontal="right" vertical="center"/>
    </xf>
    <xf numFmtId="0" fontId="8" fillId="3" borderId="9" xfId="0" applyFont="1" applyFill="1" applyBorder="1" applyAlignment="1">
      <alignment horizontal="distributed" vertical="center"/>
    </xf>
    <xf numFmtId="0" fontId="4" fillId="3" borderId="31" xfId="0" applyFont="1" applyFill="1" applyBorder="1">
      <alignment vertical="center"/>
    </xf>
    <xf numFmtId="0" fontId="4" fillId="0" borderId="10" xfId="0" applyFont="1" applyBorder="1" applyAlignment="1">
      <alignment horizontal="distributed" vertical="center"/>
    </xf>
    <xf numFmtId="176" fontId="4" fillId="0" borderId="9" xfId="0" applyNumberFormat="1" applyFont="1" applyBorder="1" applyAlignment="1">
      <alignment horizontal="right" vertical="center"/>
    </xf>
    <xf numFmtId="0" fontId="4" fillId="0" borderId="9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14" fillId="0" borderId="7" xfId="0" applyFont="1" applyFill="1" applyBorder="1" applyAlignment="1">
      <alignment horizontal="distributed" vertical="center"/>
    </xf>
    <xf numFmtId="0" fontId="7" fillId="0" borderId="0" xfId="0" applyFont="1" applyFill="1" applyBorder="1">
      <alignment vertical="center"/>
    </xf>
    <xf numFmtId="176" fontId="7" fillId="0" borderId="9" xfId="0" applyNumberFormat="1" applyFont="1" applyFill="1" applyBorder="1" applyAlignment="1">
      <alignment horizontal="right" vertical="center"/>
    </xf>
    <xf numFmtId="0" fontId="14" fillId="0" borderId="9" xfId="0" applyFont="1" applyFill="1" applyBorder="1" applyAlignment="1">
      <alignment horizontal="distributed" vertical="center"/>
    </xf>
    <xf numFmtId="0" fontId="7" fillId="0" borderId="31" xfId="0" applyFont="1" applyFill="1" applyBorder="1">
      <alignment vertical="center"/>
    </xf>
    <xf numFmtId="0" fontId="11" fillId="0" borderId="0" xfId="0" applyFont="1" applyFill="1">
      <alignment vertical="center"/>
    </xf>
    <xf numFmtId="0" fontId="7" fillId="0" borderId="0" xfId="0" applyFont="1" applyFill="1">
      <alignment vertical="center"/>
    </xf>
    <xf numFmtId="176" fontId="4" fillId="0" borderId="34" xfId="0" applyNumberFormat="1" applyFont="1" applyBorder="1">
      <alignment vertical="center"/>
    </xf>
    <xf numFmtId="0" fontId="4" fillId="0" borderId="34" xfId="0" applyFont="1" applyBorder="1" applyAlignment="1">
      <alignment horizontal="distributed" vertical="center"/>
    </xf>
    <xf numFmtId="0" fontId="4" fillId="0" borderId="32" xfId="0" applyFont="1" applyBorder="1">
      <alignment vertical="center"/>
    </xf>
    <xf numFmtId="0" fontId="4" fillId="0" borderId="31" xfId="0" applyFont="1" applyBorder="1" applyAlignment="1">
      <alignment horizontal="right" vertical="center"/>
    </xf>
    <xf numFmtId="177" fontId="6" fillId="2" borderId="8" xfId="0" applyNumberFormat="1" applyFont="1" applyFill="1" applyBorder="1">
      <alignment vertical="center"/>
    </xf>
    <xf numFmtId="177" fontId="6" fillId="2" borderId="31" xfId="0" applyNumberFormat="1" applyFont="1" applyFill="1" applyBorder="1">
      <alignment vertical="center"/>
    </xf>
    <xf numFmtId="176" fontId="4" fillId="0" borderId="8" xfId="0" applyNumberFormat="1" applyFont="1" applyFill="1" applyBorder="1">
      <alignment vertical="center"/>
    </xf>
    <xf numFmtId="177" fontId="4" fillId="0" borderId="8" xfId="0" applyNumberFormat="1" applyFont="1" applyFill="1" applyBorder="1">
      <alignment vertical="center"/>
    </xf>
    <xf numFmtId="177" fontId="4" fillId="0" borderId="31" xfId="0" applyNumberFormat="1" applyFont="1" applyFill="1" applyBorder="1">
      <alignment vertical="center"/>
    </xf>
    <xf numFmtId="176" fontId="4" fillId="0" borderId="8" xfId="0" applyNumberFormat="1" applyFont="1" applyBorder="1">
      <alignment vertical="center"/>
    </xf>
    <xf numFmtId="177" fontId="4" fillId="0" borderId="8" xfId="0" applyNumberFormat="1" applyFont="1" applyBorder="1">
      <alignment vertical="center"/>
    </xf>
    <xf numFmtId="177" fontId="4" fillId="0" borderId="31" xfId="0" applyNumberFormat="1" applyFont="1" applyBorder="1">
      <alignment vertical="center"/>
    </xf>
    <xf numFmtId="176" fontId="4" fillId="3" borderId="8" xfId="0" applyNumberFormat="1" applyFont="1" applyFill="1" applyBorder="1">
      <alignment vertical="center"/>
    </xf>
    <xf numFmtId="177" fontId="4" fillId="3" borderId="8" xfId="0" applyNumberFormat="1" applyFont="1" applyFill="1" applyBorder="1">
      <alignment vertical="center"/>
    </xf>
    <xf numFmtId="177" fontId="4" fillId="3" borderId="31" xfId="0" applyNumberFormat="1" applyFont="1" applyFill="1" applyBorder="1">
      <alignment vertical="center"/>
    </xf>
    <xf numFmtId="176" fontId="6" fillId="2" borderId="13" xfId="0" applyNumberFormat="1" applyFont="1" applyFill="1" applyBorder="1">
      <alignment vertical="center"/>
    </xf>
    <xf numFmtId="176" fontId="4" fillId="0" borderId="13" xfId="0" applyNumberFormat="1" applyFont="1" applyFill="1" applyBorder="1">
      <alignment vertical="center"/>
    </xf>
    <xf numFmtId="176" fontId="4" fillId="0" borderId="13" xfId="0" applyNumberFormat="1" applyFont="1" applyBorder="1">
      <alignment vertical="center"/>
    </xf>
    <xf numFmtId="176" fontId="4" fillId="3" borderId="13" xfId="0" applyNumberFormat="1" applyFont="1" applyFill="1" applyBorder="1">
      <alignment vertical="center"/>
    </xf>
    <xf numFmtId="176" fontId="4" fillId="0" borderId="23" xfId="0" applyNumberFormat="1" applyFont="1" applyBorder="1">
      <alignment vertical="center"/>
    </xf>
    <xf numFmtId="0" fontId="9" fillId="0" borderId="0" xfId="0" applyFont="1">
      <alignment vertical="center"/>
    </xf>
    <xf numFmtId="0" fontId="4" fillId="0" borderId="29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178" fontId="4" fillId="0" borderId="8" xfId="0" applyNumberFormat="1" applyFont="1" applyBorder="1">
      <alignment vertical="center"/>
    </xf>
    <xf numFmtId="180" fontId="4" fillId="0" borderId="13" xfId="0" applyNumberFormat="1" applyFont="1" applyBorder="1">
      <alignment vertical="center"/>
    </xf>
    <xf numFmtId="181" fontId="4" fillId="0" borderId="23" xfId="0" applyNumberFormat="1" applyFont="1" applyBorder="1">
      <alignment vertical="center"/>
    </xf>
    <xf numFmtId="0" fontId="4" fillId="0" borderId="0" xfId="0" applyFont="1" applyAlignment="1">
      <alignment horizontal="distributed" vertical="center"/>
    </xf>
    <xf numFmtId="0" fontId="4" fillId="0" borderId="0" xfId="0" applyFont="1" applyAlignment="1">
      <alignment horizontal="center" vertical="center"/>
    </xf>
    <xf numFmtId="178" fontId="6" fillId="2" borderId="8" xfId="0" applyNumberFormat="1" applyFont="1" applyFill="1" applyBorder="1">
      <alignment vertical="center"/>
    </xf>
    <xf numFmtId="179" fontId="6" fillId="2" borderId="8" xfId="0" applyNumberFormat="1" applyFont="1" applyFill="1" applyBorder="1">
      <alignment vertical="center"/>
    </xf>
    <xf numFmtId="179" fontId="6" fillId="2" borderId="13" xfId="0" applyNumberFormat="1" applyFont="1" applyFill="1" applyBorder="1">
      <alignment vertical="center"/>
    </xf>
    <xf numFmtId="178" fontId="4" fillId="0" borderId="8" xfId="0" applyNumberFormat="1" applyFont="1" applyFill="1" applyBorder="1">
      <alignment vertical="center"/>
    </xf>
    <xf numFmtId="179" fontId="4" fillId="0" borderId="8" xfId="0" applyNumberFormat="1" applyFont="1" applyFill="1" applyBorder="1">
      <alignment vertical="center"/>
    </xf>
    <xf numFmtId="179" fontId="4" fillId="0" borderId="13" xfId="0" applyNumberFormat="1" applyFont="1" applyFill="1" applyBorder="1">
      <alignment vertical="center"/>
    </xf>
    <xf numFmtId="179" fontId="4" fillId="0" borderId="8" xfId="0" applyNumberFormat="1" applyFont="1" applyBorder="1">
      <alignment vertical="center"/>
    </xf>
    <xf numFmtId="179" fontId="4" fillId="0" borderId="13" xfId="0" applyNumberFormat="1" applyFont="1" applyBorder="1">
      <alignment vertical="center"/>
    </xf>
    <xf numFmtId="178" fontId="4" fillId="3" borderId="8" xfId="0" applyNumberFormat="1" applyFont="1" applyFill="1" applyBorder="1">
      <alignment vertical="center"/>
    </xf>
    <xf numFmtId="179" fontId="4" fillId="3" borderId="8" xfId="0" applyNumberFormat="1" applyFont="1" applyFill="1" applyBorder="1">
      <alignment vertical="center"/>
    </xf>
    <xf numFmtId="179" fontId="4" fillId="3" borderId="13" xfId="0" applyNumberFormat="1" applyFont="1" applyFill="1" applyBorder="1">
      <alignment vertical="center"/>
    </xf>
    <xf numFmtId="178" fontId="4" fillId="0" borderId="22" xfId="0" applyNumberFormat="1" applyFont="1" applyBorder="1">
      <alignment vertical="center"/>
    </xf>
    <xf numFmtId="0" fontId="4" fillId="0" borderId="23" xfId="0" applyFont="1" applyBorder="1">
      <alignment vertical="center"/>
    </xf>
    <xf numFmtId="0" fontId="17" fillId="0" borderId="0" xfId="0" applyFont="1">
      <alignment vertical="center"/>
    </xf>
    <xf numFmtId="0" fontId="4" fillId="0" borderId="21" xfId="0" applyFont="1" applyBorder="1" applyAlignment="1">
      <alignment horizontal="right" vertical="center"/>
    </xf>
    <xf numFmtId="58" fontId="7" fillId="0" borderId="0" xfId="0" applyNumberFormat="1" applyFont="1" applyBorder="1" applyAlignment="1" applyProtection="1">
      <alignment horizontal="distributed" vertical="center"/>
    </xf>
    <xf numFmtId="178" fontId="4" fillId="0" borderId="8" xfId="0" applyNumberFormat="1" applyFont="1" applyBorder="1" applyAlignment="1">
      <alignment horizontal="right" vertical="center"/>
    </xf>
    <xf numFmtId="58" fontId="7" fillId="0" borderId="0" xfId="0" applyNumberFormat="1" applyFont="1" applyBorder="1" applyAlignment="1" applyProtection="1">
      <alignment horizontal="distributed" vertical="center" wrapText="1"/>
    </xf>
    <xf numFmtId="0" fontId="2" fillId="0" borderId="0" xfId="7" applyFont="1" applyAlignment="1">
      <alignment vertical="center"/>
    </xf>
    <xf numFmtId="0" fontId="9" fillId="0" borderId="2" xfId="0" applyFont="1" applyBorder="1" applyAlignment="1"/>
    <xf numFmtId="0" fontId="2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9" fillId="0" borderId="0" xfId="0" applyFont="1" applyBorder="1" applyAlignment="1"/>
    <xf numFmtId="0" fontId="4" fillId="0" borderId="24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9" fillId="0" borderId="2" xfId="0" applyFont="1" applyBorder="1" applyAlignment="1">
      <alignment wrapText="1"/>
    </xf>
    <xf numFmtId="0" fontId="4" fillId="0" borderId="2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9" fillId="0" borderId="0" xfId="7" applyFont="1" applyBorder="1" applyAlignment="1"/>
    <xf numFmtId="0" fontId="4" fillId="0" borderId="0" xfId="7" applyFont="1">
      <alignment vertical="center"/>
    </xf>
    <xf numFmtId="0" fontId="4" fillId="0" borderId="0" xfId="7" applyFont="1" applyBorder="1" applyAlignment="1">
      <alignment horizontal="right" vertical="center"/>
    </xf>
    <xf numFmtId="0" fontId="4" fillId="0" borderId="1" xfId="7" applyFont="1" applyBorder="1" applyAlignment="1">
      <alignment horizontal="center" vertical="center"/>
    </xf>
    <xf numFmtId="0" fontId="4" fillId="0" borderId="2" xfId="7" applyFont="1" applyBorder="1" applyAlignment="1">
      <alignment horizontal="center" vertical="center"/>
    </xf>
    <xf numFmtId="0" fontId="4" fillId="0" borderId="14" xfId="7" applyFont="1" applyBorder="1" applyAlignment="1">
      <alignment horizontal="center" vertical="center"/>
    </xf>
    <xf numFmtId="0" fontId="4" fillId="0" borderId="15" xfId="7" applyFont="1" applyBorder="1" applyAlignment="1">
      <alignment horizontal="center" vertical="center"/>
    </xf>
    <xf numFmtId="0" fontId="4" fillId="0" borderId="3" xfId="7" applyFont="1" applyBorder="1" applyAlignment="1">
      <alignment horizontal="center" vertical="center"/>
    </xf>
    <xf numFmtId="0" fontId="4" fillId="0" borderId="16" xfId="7" applyFont="1" applyBorder="1" applyAlignment="1">
      <alignment horizontal="center" vertical="center"/>
    </xf>
    <xf numFmtId="0" fontId="4" fillId="0" borderId="4" xfId="7" applyFont="1" applyBorder="1" applyAlignment="1">
      <alignment horizontal="center" vertical="center" wrapText="1"/>
    </xf>
    <xf numFmtId="0" fontId="4" fillId="0" borderId="29" xfId="7" applyFont="1" applyBorder="1" applyAlignment="1">
      <alignment horizontal="center" vertical="center" wrapText="1"/>
    </xf>
    <xf numFmtId="0" fontId="4" fillId="0" borderId="26" xfId="7" applyFont="1" applyBorder="1" applyAlignment="1">
      <alignment horizontal="center" vertical="center" wrapText="1"/>
    </xf>
    <xf numFmtId="0" fontId="4" fillId="0" borderId="30" xfId="7" applyFont="1" applyBorder="1" applyAlignment="1">
      <alignment horizontal="center" vertical="center" wrapText="1"/>
    </xf>
    <xf numFmtId="0" fontId="2" fillId="0" borderId="0" xfId="7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4" fillId="0" borderId="21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8" fillId="3" borderId="7" xfId="0" applyFont="1" applyFill="1" applyBorder="1" applyAlignment="1">
      <alignment horizontal="distributed" vertical="center"/>
    </xf>
    <xf numFmtId="0" fontId="8" fillId="3" borderId="0" xfId="0" applyFont="1" applyFill="1" applyBorder="1" applyAlignment="1">
      <alignment horizontal="distributed" vertical="center"/>
    </xf>
    <xf numFmtId="0" fontId="4" fillId="0" borderId="7" xfId="0" applyFont="1" applyBorder="1" applyAlignment="1">
      <alignment horizontal="distributed" vertical="center"/>
    </xf>
    <xf numFmtId="0" fontId="4" fillId="0" borderId="0" xfId="0" applyFont="1" applyBorder="1" applyAlignment="1">
      <alignment horizontal="distributed" vertical="center"/>
    </xf>
    <xf numFmtId="0" fontId="5" fillId="2" borderId="7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8" fillId="0" borderId="7" xfId="0" applyFont="1" applyFill="1" applyBorder="1" applyAlignment="1">
      <alignment horizontal="distributed" vertical="center"/>
    </xf>
    <xf numFmtId="0" fontId="8" fillId="0" borderId="0" xfId="0" applyFont="1" applyFill="1" applyBorder="1" applyAlignment="1">
      <alignment horizontal="distributed" vertical="center"/>
    </xf>
    <xf numFmtId="0" fontId="4" fillId="0" borderId="3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25" xfId="0" applyFont="1" applyBorder="1" applyAlignment="1">
      <alignment horizontal="center" vertical="center" wrapText="1"/>
    </xf>
    <xf numFmtId="0" fontId="4" fillId="0" borderId="36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 wrapText="1"/>
    </xf>
    <xf numFmtId="0" fontId="4" fillId="0" borderId="39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right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</cellXfs>
  <cellStyles count="9">
    <cellStyle name="パーセント 2" xfId="1"/>
    <cellStyle name="桁区切り [0.00] 2" xfId="2"/>
    <cellStyle name="桁区切り 2" xfId="3"/>
    <cellStyle name="標準" xfId="0" builtinId="0"/>
    <cellStyle name="標準 2" xfId="4"/>
    <cellStyle name="標準 2 2" xfId="5"/>
    <cellStyle name="標準 3" xfId="6"/>
    <cellStyle name="標準 4" xfId="7"/>
    <cellStyle name="標準 5" xfId="8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75"/>
  <sheetViews>
    <sheetView tabSelected="1" view="pageBreakPreview" zoomScaleNormal="100" zoomScaleSheetLayoutView="100" workbookViewId="0">
      <selection activeCell="M1" sqref="M1"/>
    </sheetView>
  </sheetViews>
  <sheetFormatPr defaultRowHeight="14.25"/>
  <cols>
    <col min="1" max="1" width="1.75" style="2" customWidth="1"/>
    <col min="2" max="2" width="6.875" style="2" customWidth="1"/>
    <col min="3" max="3" width="1.25" style="2" customWidth="1"/>
    <col min="4" max="12" width="7.875" style="2" customWidth="1"/>
    <col min="13" max="19" width="6.875" style="2" customWidth="1"/>
  </cols>
  <sheetData>
    <row r="1" spans="1:19" ht="18.75" customHeight="1">
      <c r="A1" s="195" t="s">
        <v>0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  <c r="L1" s="195"/>
    </row>
    <row r="2" spans="1:19" ht="15" customHeight="1" thickBot="1">
      <c r="A2" s="196" t="s">
        <v>1</v>
      </c>
      <c r="B2" s="196"/>
      <c r="C2" s="196"/>
      <c r="K2" s="4"/>
      <c r="L2" s="4"/>
    </row>
    <row r="3" spans="1:19" ht="11.25" customHeight="1">
      <c r="A3" s="197" t="s">
        <v>2</v>
      </c>
      <c r="B3" s="198"/>
      <c r="C3" s="198"/>
      <c r="D3" s="203" t="s">
        <v>3</v>
      </c>
      <c r="E3" s="206" t="s">
        <v>4</v>
      </c>
      <c r="F3" s="6"/>
      <c r="G3" s="6"/>
      <c r="H3" s="6"/>
      <c r="I3" s="6"/>
      <c r="J3" s="7"/>
      <c r="K3" s="209" t="s">
        <v>5</v>
      </c>
      <c r="L3" s="212" t="s">
        <v>6</v>
      </c>
    </row>
    <row r="4" spans="1:19" ht="15" customHeight="1">
      <c r="A4" s="199"/>
      <c r="B4" s="200"/>
      <c r="C4" s="200"/>
      <c r="D4" s="204"/>
      <c r="E4" s="207"/>
      <c r="F4" s="8"/>
      <c r="G4" s="215" t="s">
        <v>7</v>
      </c>
      <c r="H4" s="216"/>
      <c r="I4" s="215" t="s">
        <v>8</v>
      </c>
      <c r="J4" s="216"/>
      <c r="K4" s="210"/>
      <c r="L4" s="213"/>
    </row>
    <row r="5" spans="1:19" ht="15" customHeight="1">
      <c r="A5" s="201"/>
      <c r="B5" s="202"/>
      <c r="C5" s="202"/>
      <c r="D5" s="205"/>
      <c r="E5" s="208"/>
      <c r="F5" s="9" t="s">
        <v>9</v>
      </c>
      <c r="G5" s="10"/>
      <c r="H5" s="10" t="s">
        <v>9</v>
      </c>
      <c r="I5" s="10"/>
      <c r="J5" s="10" t="s">
        <v>9</v>
      </c>
      <c r="K5" s="211"/>
      <c r="L5" s="214"/>
    </row>
    <row r="6" spans="1:19" ht="10.5" customHeight="1">
      <c r="A6" s="11"/>
      <c r="B6" s="12"/>
      <c r="C6" s="13"/>
      <c r="D6" s="14" t="s">
        <v>10</v>
      </c>
      <c r="E6" s="14" t="s">
        <v>10</v>
      </c>
      <c r="F6" s="13" t="s">
        <v>11</v>
      </c>
      <c r="G6" s="14" t="s">
        <v>10</v>
      </c>
      <c r="H6" s="13" t="s">
        <v>11</v>
      </c>
      <c r="I6" s="14" t="s">
        <v>10</v>
      </c>
      <c r="J6" s="15" t="s">
        <v>11</v>
      </c>
      <c r="K6" s="13" t="s">
        <v>12</v>
      </c>
      <c r="L6" s="16" t="s">
        <v>10</v>
      </c>
    </row>
    <row r="7" spans="1:19" ht="11.25" customHeight="1">
      <c r="A7" s="17"/>
      <c r="B7" s="18" t="s">
        <v>13</v>
      </c>
      <c r="C7" s="19"/>
      <c r="D7" s="20">
        <v>9147400</v>
      </c>
      <c r="E7" s="21" t="s">
        <v>14</v>
      </c>
      <c r="F7" s="22" t="s">
        <v>14</v>
      </c>
      <c r="G7" s="21" t="s">
        <v>14</v>
      </c>
      <c r="H7" s="22" t="s">
        <v>14</v>
      </c>
      <c r="I7" s="21" t="s">
        <v>14</v>
      </c>
      <c r="J7" s="22" t="s">
        <v>14</v>
      </c>
      <c r="K7" s="23">
        <v>4026195</v>
      </c>
      <c r="L7" s="24">
        <v>2.2719714271166698</v>
      </c>
    </row>
    <row r="8" spans="1:19" s="33" customFormat="1" ht="11.25" customHeight="1">
      <c r="A8" s="25"/>
      <c r="B8" s="26">
        <v>28</v>
      </c>
      <c r="C8" s="27"/>
      <c r="D8" s="28">
        <v>9128037</v>
      </c>
      <c r="E8" s="28">
        <v>19363</v>
      </c>
      <c r="F8" s="29">
        <v>0.21212665987221566</v>
      </c>
      <c r="G8" s="28">
        <v>-5354</v>
      </c>
      <c r="H8" s="29">
        <v>-5.8654451115831362E-2</v>
      </c>
      <c r="I8" s="28">
        <v>24717</v>
      </c>
      <c r="J8" s="29">
        <v>0.27078111098804708</v>
      </c>
      <c r="K8" s="30">
        <v>3983551</v>
      </c>
      <c r="L8" s="31">
        <v>2.2914321920316825</v>
      </c>
      <c r="M8" s="32"/>
      <c r="N8" s="32"/>
      <c r="O8" s="32"/>
      <c r="P8" s="32"/>
      <c r="Q8" s="32"/>
      <c r="R8" s="32"/>
      <c r="S8" s="32"/>
    </row>
    <row r="9" spans="1:19" s="33" customFormat="1" ht="11.25" customHeight="1">
      <c r="A9" s="34"/>
      <c r="B9" s="26" t="s">
        <v>15</v>
      </c>
      <c r="C9" s="35"/>
      <c r="D9" s="36">
        <v>9100346</v>
      </c>
      <c r="E9" s="36">
        <v>27691</v>
      </c>
      <c r="F9" s="37">
        <v>0.30428513377403454</v>
      </c>
      <c r="G9" s="36">
        <v>-1492</v>
      </c>
      <c r="H9" s="37">
        <v>-1.6394981025996153E-2</v>
      </c>
      <c r="I9" s="36">
        <v>29183</v>
      </c>
      <c r="J9" s="37">
        <v>0.32068011480003067</v>
      </c>
      <c r="K9" s="38">
        <v>3973785</v>
      </c>
      <c r="L9" s="39">
        <v>2.2900952114923179</v>
      </c>
      <c r="M9" s="32"/>
      <c r="N9" s="32"/>
      <c r="O9" s="32"/>
      <c r="P9" s="32"/>
      <c r="Q9" s="32"/>
      <c r="R9" s="32"/>
      <c r="S9" s="32"/>
    </row>
    <row r="10" spans="1:19" ht="6" customHeight="1">
      <c r="A10" s="40"/>
      <c r="B10" s="41"/>
      <c r="C10" s="42"/>
      <c r="D10" s="43"/>
      <c r="E10" s="43"/>
      <c r="F10" s="44"/>
      <c r="G10" s="43"/>
      <c r="H10" s="44"/>
      <c r="I10" s="43"/>
      <c r="J10" s="44"/>
      <c r="K10" s="45"/>
      <c r="L10" s="46"/>
    </row>
    <row r="11" spans="1:19" ht="11.25" customHeight="1">
      <c r="A11" s="47"/>
      <c r="B11" s="48">
        <v>26</v>
      </c>
      <c r="C11" s="49"/>
      <c r="D11" s="50">
        <v>9083839</v>
      </c>
      <c r="E11" s="50">
        <v>16507</v>
      </c>
      <c r="F11" s="51">
        <v>0.181718324157881</v>
      </c>
      <c r="G11" s="50">
        <v>-285</v>
      </c>
      <c r="H11" s="51">
        <v>-3.1374400184767696E-3</v>
      </c>
      <c r="I11" s="50">
        <v>16792</v>
      </c>
      <c r="J11" s="51">
        <v>0.1848557641763576</v>
      </c>
      <c r="K11" s="52">
        <v>3936952</v>
      </c>
      <c r="L11" s="53">
        <v>2.3073278515968698</v>
      </c>
    </row>
    <row r="12" spans="1:19" ht="11.25" customHeight="1">
      <c r="A12" s="40"/>
      <c r="B12" s="41">
        <v>25</v>
      </c>
      <c r="C12" s="42"/>
      <c r="D12" s="43">
        <v>9072533</v>
      </c>
      <c r="E12" s="43">
        <v>11306</v>
      </c>
      <c r="F12" s="44">
        <v>0.12461789888226363</v>
      </c>
      <c r="G12" s="43">
        <v>2111</v>
      </c>
      <c r="H12" s="44">
        <v>2.3268033304480677E-2</v>
      </c>
      <c r="I12" s="43">
        <v>9195</v>
      </c>
      <c r="J12" s="44">
        <v>0.10134986557778297</v>
      </c>
      <c r="K12" s="45">
        <v>3906589</v>
      </c>
      <c r="L12" s="46">
        <v>2.3223669037106283</v>
      </c>
    </row>
    <row r="13" spans="1:19" ht="11.25" customHeight="1">
      <c r="A13" s="40"/>
      <c r="B13" s="41">
        <v>24</v>
      </c>
      <c r="C13" s="42"/>
      <c r="D13" s="43">
        <v>9060257</v>
      </c>
      <c r="E13" s="43">
        <v>12276</v>
      </c>
      <c r="F13" s="44">
        <v>0.13549284529125388</v>
      </c>
      <c r="G13" s="43">
        <v>4625</v>
      </c>
      <c r="H13" s="44">
        <v>5.1047117096126519E-2</v>
      </c>
      <c r="I13" s="43">
        <v>7651</v>
      </c>
      <c r="J13" s="44">
        <v>8.4445728195127356E-2</v>
      </c>
      <c r="K13" s="45">
        <v>3876258</v>
      </c>
      <c r="L13" s="46">
        <v>2.3373720221925374</v>
      </c>
    </row>
    <row r="14" spans="1:19" ht="11.25" customHeight="1">
      <c r="A14" s="40"/>
      <c r="B14" s="41">
        <v>23</v>
      </c>
      <c r="C14" s="42"/>
      <c r="D14" s="43">
        <v>9051028</v>
      </c>
      <c r="E14" s="43">
        <v>9229</v>
      </c>
      <c r="F14" s="44">
        <v>0.101966318080112</v>
      </c>
      <c r="G14" s="43">
        <v>5970</v>
      </c>
      <c r="H14" s="44">
        <v>6.5959358428677936E-2</v>
      </c>
      <c r="I14" s="43">
        <v>3259</v>
      </c>
      <c r="J14" s="44">
        <v>3.6006959651434071E-2</v>
      </c>
      <c r="K14" s="45">
        <v>3847543</v>
      </c>
      <c r="L14" s="46">
        <v>2.3524176337990244</v>
      </c>
    </row>
    <row r="15" spans="1:19" ht="11.25" customHeight="1">
      <c r="A15" s="40"/>
      <c r="B15" s="41" t="s">
        <v>16</v>
      </c>
      <c r="C15" s="42"/>
      <c r="D15" s="43">
        <v>9008132</v>
      </c>
      <c r="E15" s="43">
        <v>42896</v>
      </c>
      <c r="F15" s="44">
        <v>0.47619195633456529</v>
      </c>
      <c r="G15" s="43">
        <v>11519</v>
      </c>
      <c r="H15" s="44">
        <v>0.127873348214702</v>
      </c>
      <c r="I15" s="43">
        <v>31377</v>
      </c>
      <c r="J15" s="44">
        <v>0.34831860811986326</v>
      </c>
      <c r="K15" s="45">
        <v>3830842</v>
      </c>
      <c r="L15" s="46">
        <v>2.351475733011176</v>
      </c>
    </row>
    <row r="16" spans="1:19" ht="6" customHeight="1">
      <c r="A16" s="40"/>
      <c r="B16" s="41"/>
      <c r="C16" s="42"/>
      <c r="D16" s="43"/>
      <c r="E16" s="43"/>
      <c r="F16" s="44"/>
      <c r="G16" s="43"/>
      <c r="H16" s="44"/>
      <c r="I16" s="43"/>
      <c r="J16" s="44"/>
      <c r="K16" s="45"/>
      <c r="L16" s="46"/>
    </row>
    <row r="17" spans="1:12" ht="11.25" customHeight="1">
      <c r="A17" s="47"/>
      <c r="B17" s="48">
        <v>21</v>
      </c>
      <c r="C17" s="49"/>
      <c r="D17" s="50">
        <v>8965352</v>
      </c>
      <c r="E17" s="50">
        <v>42780</v>
      </c>
      <c r="F17" s="51">
        <v>0.47717033307783124</v>
      </c>
      <c r="G17" s="50">
        <v>15296</v>
      </c>
      <c r="H17" s="51">
        <v>0.17061237528654757</v>
      </c>
      <c r="I17" s="50">
        <v>27484</v>
      </c>
      <c r="J17" s="51">
        <v>0.30655795779128364</v>
      </c>
      <c r="K17" s="52">
        <v>3784887</v>
      </c>
      <c r="L17" s="53">
        <v>2.3687238218736781</v>
      </c>
    </row>
    <row r="18" spans="1:12" ht="11.25" customHeight="1">
      <c r="A18" s="40"/>
      <c r="B18" s="41">
        <v>20</v>
      </c>
      <c r="C18" s="42"/>
      <c r="D18" s="43">
        <v>8910256</v>
      </c>
      <c r="E18" s="43">
        <v>55096</v>
      </c>
      <c r="F18" s="44">
        <v>0.61834362559280009</v>
      </c>
      <c r="G18" s="43">
        <v>16427</v>
      </c>
      <c r="H18" s="44">
        <v>0.1843605840281132</v>
      </c>
      <c r="I18" s="43">
        <v>38669</v>
      </c>
      <c r="J18" s="44">
        <v>0.43398304156468681</v>
      </c>
      <c r="K18" s="45">
        <v>3725988</v>
      </c>
      <c r="L18" s="46">
        <v>2.3913807559229929</v>
      </c>
    </row>
    <row r="19" spans="1:12" s="2" customFormat="1" ht="11.25" customHeight="1">
      <c r="A19" s="40"/>
      <c r="B19" s="41">
        <v>19</v>
      </c>
      <c r="C19" s="42"/>
      <c r="D19" s="43">
        <v>8848166</v>
      </c>
      <c r="E19" s="43">
        <v>62090</v>
      </c>
      <c r="F19" s="44">
        <v>0.70172734101055523</v>
      </c>
      <c r="G19" s="43">
        <v>19192</v>
      </c>
      <c r="H19" s="44">
        <v>0.21690370637259745</v>
      </c>
      <c r="I19" s="43">
        <v>42898</v>
      </c>
      <c r="J19" s="44">
        <v>0.48482363463795775</v>
      </c>
      <c r="K19" s="45">
        <v>3660554</v>
      </c>
      <c r="L19" s="46">
        <v>2.4171658169774304</v>
      </c>
    </row>
    <row r="20" spans="1:12" s="2" customFormat="1" ht="11.25" customHeight="1">
      <c r="A20" s="40"/>
      <c r="B20" s="41">
        <v>18</v>
      </c>
      <c r="C20" s="42"/>
      <c r="D20" s="43">
        <v>8801632</v>
      </c>
      <c r="E20" s="43">
        <v>46534</v>
      </c>
      <c r="F20" s="44">
        <v>0.52869740520848862</v>
      </c>
      <c r="G20" s="43">
        <v>20836</v>
      </c>
      <c r="H20" s="44">
        <v>0.23672882483612132</v>
      </c>
      <c r="I20" s="43">
        <v>25698</v>
      </c>
      <c r="J20" s="44">
        <v>0.29196858037236734</v>
      </c>
      <c r="K20" s="45">
        <v>3601257</v>
      </c>
      <c r="L20" s="46">
        <v>2.4440443989418141</v>
      </c>
    </row>
    <row r="21" spans="1:12" s="2" customFormat="1" ht="11.25" customHeight="1">
      <c r="A21" s="40"/>
      <c r="B21" s="41" t="s">
        <v>17</v>
      </c>
      <c r="C21" s="42"/>
      <c r="D21" s="43">
        <v>8748731</v>
      </c>
      <c r="E21" s="43">
        <v>52901</v>
      </c>
      <c r="F21" s="44">
        <v>0.60467055164914774</v>
      </c>
      <c r="G21" s="43">
        <v>18418</v>
      </c>
      <c r="H21" s="44">
        <v>0.21052196027058095</v>
      </c>
      <c r="I21" s="43">
        <v>34483</v>
      </c>
      <c r="J21" s="44">
        <v>0.39414859137856678</v>
      </c>
      <c r="K21" s="45">
        <v>3599414</v>
      </c>
      <c r="L21" s="46">
        <v>2.4305987030111011</v>
      </c>
    </row>
    <row r="22" spans="1:12" s="2" customFormat="1" ht="6" customHeight="1">
      <c r="A22" s="40"/>
      <c r="B22" s="41"/>
      <c r="C22" s="42"/>
      <c r="D22" s="43"/>
      <c r="E22" s="43"/>
      <c r="F22" s="44"/>
      <c r="G22" s="43"/>
      <c r="H22" s="44"/>
      <c r="I22" s="43"/>
      <c r="J22" s="44"/>
      <c r="K22" s="45"/>
      <c r="L22" s="46"/>
    </row>
    <row r="23" spans="1:12" s="2" customFormat="1" ht="11.25" customHeight="1">
      <c r="A23" s="47"/>
      <c r="B23" s="48">
        <v>16</v>
      </c>
      <c r="C23" s="49"/>
      <c r="D23" s="50">
        <v>8697720</v>
      </c>
      <c r="E23" s="50">
        <v>51011</v>
      </c>
      <c r="F23" s="51">
        <v>0.58648703338346142</v>
      </c>
      <c r="G23" s="50">
        <v>25047</v>
      </c>
      <c r="H23" s="51">
        <v>0.2879720202535837</v>
      </c>
      <c r="I23" s="50">
        <v>25964</v>
      </c>
      <c r="J23" s="51">
        <v>0.29851501312987772</v>
      </c>
      <c r="K23" s="52">
        <v>3546393</v>
      </c>
      <c r="L23" s="53">
        <v>2.4525539047702836</v>
      </c>
    </row>
    <row r="24" spans="1:12" s="2" customFormat="1" ht="11.25" customHeight="1">
      <c r="A24" s="40"/>
      <c r="B24" s="41">
        <v>15</v>
      </c>
      <c r="C24" s="42"/>
      <c r="D24" s="43">
        <v>8639665</v>
      </c>
      <c r="E24" s="43">
        <v>58055</v>
      </c>
      <c r="F24" s="44">
        <v>0.67195892433329296</v>
      </c>
      <c r="G24" s="43">
        <v>26314</v>
      </c>
      <c r="H24" s="44">
        <v>0.30457199440024585</v>
      </c>
      <c r="I24" s="43">
        <v>31741</v>
      </c>
      <c r="J24" s="44">
        <v>0.36738692993304717</v>
      </c>
      <c r="K24" s="45">
        <v>3485990</v>
      </c>
      <c r="L24" s="46">
        <v>2.4783963809419993</v>
      </c>
    </row>
    <row r="25" spans="1:12" s="2" customFormat="1" ht="11.25" customHeight="1">
      <c r="A25" s="40"/>
      <c r="B25" s="41">
        <v>14</v>
      </c>
      <c r="C25" s="42"/>
      <c r="D25" s="43">
        <v>8575372</v>
      </c>
      <c r="E25" s="43">
        <v>64293</v>
      </c>
      <c r="F25" s="44">
        <v>0.74974006958531936</v>
      </c>
      <c r="G25" s="43">
        <v>29182</v>
      </c>
      <c r="H25" s="44">
        <v>0.34030010593126458</v>
      </c>
      <c r="I25" s="43">
        <v>35111</v>
      </c>
      <c r="J25" s="44">
        <v>0.40943996365405488</v>
      </c>
      <c r="K25" s="45">
        <v>3422568</v>
      </c>
      <c r="L25" s="46">
        <v>2.5055373625885591</v>
      </c>
    </row>
    <row r="26" spans="1:12" s="2" customFormat="1" ht="11.25" customHeight="1">
      <c r="A26" s="40"/>
      <c r="B26" s="41">
        <v>13</v>
      </c>
      <c r="C26" s="42"/>
      <c r="D26" s="43">
        <v>8503498</v>
      </c>
      <c r="E26" s="43">
        <v>71874</v>
      </c>
      <c r="F26" s="44">
        <v>0.84522863414561855</v>
      </c>
      <c r="G26" s="43">
        <v>30898</v>
      </c>
      <c r="H26" s="44">
        <v>0.36335635052774751</v>
      </c>
      <c r="I26" s="43">
        <v>40976</v>
      </c>
      <c r="J26" s="44">
        <v>0.48187228361787116</v>
      </c>
      <c r="K26" s="45">
        <v>3351726</v>
      </c>
      <c r="L26" s="46">
        <v>2.537050462955504</v>
      </c>
    </row>
    <row r="27" spans="1:12" s="2" customFormat="1" ht="11.25" customHeight="1">
      <c r="A27" s="40"/>
      <c r="B27" s="41" t="s">
        <v>18</v>
      </c>
      <c r="C27" s="42"/>
      <c r="D27" s="43">
        <v>8446174</v>
      </c>
      <c r="E27" s="43">
        <v>57324</v>
      </c>
      <c r="F27" s="44">
        <v>0.67869783407256357</v>
      </c>
      <c r="G27" s="43">
        <v>33217</v>
      </c>
      <c r="H27" s="44">
        <v>0.39327866084691127</v>
      </c>
      <c r="I27" s="43">
        <v>24107</v>
      </c>
      <c r="J27" s="44">
        <v>0.28541917322565225</v>
      </c>
      <c r="K27" s="45">
        <v>3309457</v>
      </c>
      <c r="L27" s="46">
        <v>2.5521328725528085</v>
      </c>
    </row>
    <row r="28" spans="1:12" s="2" customFormat="1" ht="6" customHeight="1">
      <c r="A28" s="40"/>
      <c r="B28" s="41"/>
      <c r="C28" s="42"/>
      <c r="D28" s="43"/>
      <c r="E28" s="43"/>
      <c r="F28" s="44"/>
      <c r="G28" s="43"/>
      <c r="H28" s="44"/>
      <c r="I28" s="43"/>
      <c r="J28" s="44"/>
      <c r="K28" s="45"/>
      <c r="L28" s="46"/>
    </row>
    <row r="29" spans="1:12" s="2" customFormat="1" ht="11.25" customHeight="1">
      <c r="A29" s="47"/>
      <c r="B29" s="48">
        <v>11</v>
      </c>
      <c r="C29" s="49"/>
      <c r="D29" s="50">
        <v>8398336</v>
      </c>
      <c r="E29" s="50">
        <v>47838</v>
      </c>
      <c r="F29" s="51">
        <v>0.5696128375906846</v>
      </c>
      <c r="G29" s="50">
        <v>31408</v>
      </c>
      <c r="H29" s="51">
        <v>0.37397884533317077</v>
      </c>
      <c r="I29" s="50">
        <v>16430</v>
      </c>
      <c r="J29" s="51">
        <v>0.19563399225751388</v>
      </c>
      <c r="K29" s="52">
        <v>3256672</v>
      </c>
      <c r="L29" s="53">
        <v>2.5788092875180553</v>
      </c>
    </row>
    <row r="30" spans="1:12" s="2" customFormat="1" ht="11.25" customHeight="1">
      <c r="A30" s="40"/>
      <c r="B30" s="41">
        <v>10</v>
      </c>
      <c r="C30" s="42"/>
      <c r="D30" s="43">
        <v>8340837</v>
      </c>
      <c r="E30" s="43">
        <v>57499</v>
      </c>
      <c r="F30" s="44">
        <v>0.68936726613887789</v>
      </c>
      <c r="G30" s="43">
        <v>34626</v>
      </c>
      <c r="H30" s="44">
        <v>0.41513819296552618</v>
      </c>
      <c r="I30" s="43">
        <v>22873</v>
      </c>
      <c r="J30" s="44">
        <v>0.27422907317335182</v>
      </c>
      <c r="K30" s="45">
        <v>3197808</v>
      </c>
      <c r="L30" s="46">
        <v>2.6082982467990572</v>
      </c>
    </row>
    <row r="31" spans="1:12" s="2" customFormat="1" ht="11.25" customHeight="1">
      <c r="A31" s="40"/>
      <c r="B31" s="41">
        <v>9</v>
      </c>
      <c r="C31" s="42"/>
      <c r="D31" s="43">
        <v>8295504</v>
      </c>
      <c r="E31" s="43">
        <v>45333</v>
      </c>
      <c r="F31" s="44">
        <v>0.54647674210029917</v>
      </c>
      <c r="G31" s="43">
        <v>35197</v>
      </c>
      <c r="H31" s="44">
        <v>0.42429007327342622</v>
      </c>
      <c r="I31" s="43">
        <v>10136</v>
      </c>
      <c r="J31" s="44">
        <v>0.12218666882687296</v>
      </c>
      <c r="K31" s="45">
        <v>3147465</v>
      </c>
      <c r="L31" s="46">
        <v>2.6356143753782808</v>
      </c>
    </row>
    <row r="32" spans="1:12" s="2" customFormat="1" ht="11.25" customHeight="1">
      <c r="A32" s="40"/>
      <c r="B32" s="41">
        <v>8</v>
      </c>
      <c r="C32" s="42"/>
      <c r="D32" s="43">
        <v>8252665</v>
      </c>
      <c r="E32" s="43">
        <v>42839</v>
      </c>
      <c r="F32" s="44">
        <v>0.51909292331628631</v>
      </c>
      <c r="G32" s="43">
        <v>36959</v>
      </c>
      <c r="H32" s="44">
        <v>0.44784321185944176</v>
      </c>
      <c r="I32" s="43">
        <v>5880</v>
      </c>
      <c r="J32" s="44">
        <v>7.1249711456844542E-2</v>
      </c>
      <c r="K32" s="45">
        <v>3099841</v>
      </c>
      <c r="L32" s="46">
        <v>2.6622865495359278</v>
      </c>
    </row>
    <row r="33" spans="1:12" s="2" customFormat="1" ht="11.25" customHeight="1">
      <c r="A33" s="40"/>
      <c r="B33" s="41" t="s">
        <v>19</v>
      </c>
      <c r="C33" s="42"/>
      <c r="D33" s="43">
        <v>8238840</v>
      </c>
      <c r="E33" s="43">
        <v>13825</v>
      </c>
      <c r="F33" s="44">
        <v>0.16780274893067471</v>
      </c>
      <c r="G33" s="43">
        <v>35304</v>
      </c>
      <c r="H33" s="44">
        <v>0.42850692573226329</v>
      </c>
      <c r="I33" s="43">
        <v>-21479</v>
      </c>
      <c r="J33" s="44">
        <v>-0.26070417680158858</v>
      </c>
      <c r="K33" s="45">
        <v>3078412</v>
      </c>
      <c r="L33" s="46">
        <v>2.6763279249171328</v>
      </c>
    </row>
    <row r="34" spans="1:12" s="2" customFormat="1" ht="6" customHeight="1">
      <c r="A34" s="40"/>
      <c r="B34" s="41"/>
      <c r="C34" s="42"/>
      <c r="D34" s="43"/>
      <c r="E34" s="43"/>
      <c r="F34" s="44"/>
      <c r="G34" s="43"/>
      <c r="H34" s="44"/>
      <c r="I34" s="43"/>
      <c r="J34" s="44"/>
      <c r="K34" s="45"/>
      <c r="L34" s="46"/>
    </row>
    <row r="35" spans="1:12" s="2" customFormat="1" ht="11.25" customHeight="1">
      <c r="A35" s="47"/>
      <c r="B35" s="48">
        <v>6</v>
      </c>
      <c r="C35" s="49"/>
      <c r="D35" s="50">
        <v>8196872</v>
      </c>
      <c r="E35" s="50">
        <v>41968</v>
      </c>
      <c r="F35" s="51">
        <v>0.51200018738855502</v>
      </c>
      <c r="G35" s="50">
        <v>40246</v>
      </c>
      <c r="H35" s="51">
        <v>0.49099217359988057</v>
      </c>
      <c r="I35" s="50">
        <v>1722</v>
      </c>
      <c r="J35" s="51">
        <v>2.100801378867451E-2</v>
      </c>
      <c r="K35" s="52">
        <v>3038443</v>
      </c>
      <c r="L35" s="53">
        <v>2.6977211683747235</v>
      </c>
    </row>
    <row r="36" spans="1:12" s="2" customFormat="1" ht="11.25" customHeight="1">
      <c r="A36" s="40"/>
      <c r="B36" s="41">
        <v>5</v>
      </c>
      <c r="C36" s="42"/>
      <c r="D36" s="43">
        <v>8148512</v>
      </c>
      <c r="E36" s="43">
        <v>48360</v>
      </c>
      <c r="F36" s="44">
        <v>0.59348258921383434</v>
      </c>
      <c r="G36" s="43">
        <v>36360</v>
      </c>
      <c r="H36" s="44">
        <v>0.4462164380441484</v>
      </c>
      <c r="I36" s="43">
        <v>12000</v>
      </c>
      <c r="J36" s="44">
        <v>0.14726615116968594</v>
      </c>
      <c r="K36" s="45">
        <v>2988585</v>
      </c>
      <c r="L36" s="46">
        <v>2.7265451710424835</v>
      </c>
    </row>
    <row r="37" spans="1:12" s="2" customFormat="1" ht="11.25" customHeight="1">
      <c r="A37" s="40"/>
      <c r="B37" s="41">
        <v>4</v>
      </c>
      <c r="C37" s="42"/>
      <c r="D37" s="43">
        <v>8084849</v>
      </c>
      <c r="E37" s="43">
        <v>63663</v>
      </c>
      <c r="F37" s="44">
        <v>0.78743585687252782</v>
      </c>
      <c r="G37" s="43">
        <v>38388</v>
      </c>
      <c r="H37" s="44">
        <v>0.47481406269925391</v>
      </c>
      <c r="I37" s="43">
        <v>25275</v>
      </c>
      <c r="J37" s="44">
        <v>0.31262179417327396</v>
      </c>
      <c r="K37" s="45">
        <v>2928160</v>
      </c>
      <c r="L37" s="46">
        <v>2.7610680427299057</v>
      </c>
    </row>
    <row r="38" spans="1:12" s="2" customFormat="1" ht="11.25" customHeight="1">
      <c r="A38" s="40"/>
      <c r="B38" s="41">
        <v>3</v>
      </c>
      <c r="C38" s="42"/>
      <c r="D38" s="43">
        <v>7998747</v>
      </c>
      <c r="E38" s="43">
        <v>86102</v>
      </c>
      <c r="F38" s="44">
        <v>1.0764435979785334</v>
      </c>
      <c r="G38" s="43">
        <v>40921</v>
      </c>
      <c r="H38" s="44">
        <v>0.51159262819539109</v>
      </c>
      <c r="I38" s="43">
        <v>45181</v>
      </c>
      <c r="J38" s="44">
        <v>0.56485096978314231</v>
      </c>
      <c r="K38" s="45">
        <v>2857755</v>
      </c>
      <c r="L38" s="46">
        <v>2.7989617724402547</v>
      </c>
    </row>
    <row r="39" spans="1:12" s="2" customFormat="1" ht="11.25" customHeight="1">
      <c r="A39" s="40"/>
      <c r="B39" s="41" t="s">
        <v>20</v>
      </c>
      <c r="C39" s="42"/>
      <c r="D39" s="43">
        <v>7910382</v>
      </c>
      <c r="E39" s="43">
        <v>88365</v>
      </c>
      <c r="F39" s="44">
        <v>1.1170762676189341</v>
      </c>
      <c r="G39" s="43">
        <v>39966</v>
      </c>
      <c r="H39" s="44">
        <v>0.50523476615920693</v>
      </c>
      <c r="I39" s="43">
        <v>48399</v>
      </c>
      <c r="J39" s="44">
        <v>0.61184150145972727</v>
      </c>
      <c r="K39" s="45">
        <v>2777380</v>
      </c>
      <c r="L39" s="46">
        <v>2.8481453744176166</v>
      </c>
    </row>
    <row r="40" spans="1:12" s="2" customFormat="1" ht="6" customHeight="1">
      <c r="A40" s="40"/>
      <c r="B40" s="41"/>
      <c r="C40" s="42"/>
      <c r="D40" s="43"/>
      <c r="E40" s="43"/>
      <c r="F40" s="44"/>
      <c r="G40" s="43"/>
      <c r="H40" s="44"/>
      <c r="I40" s="43"/>
      <c r="J40" s="44"/>
      <c r="K40" s="45"/>
      <c r="L40" s="46"/>
    </row>
    <row r="41" spans="1:12" s="2" customFormat="1" ht="11.25" customHeight="1">
      <c r="A41" s="47"/>
      <c r="B41" s="48" t="s">
        <v>21</v>
      </c>
      <c r="C41" s="49"/>
      <c r="D41" s="50">
        <v>7810104</v>
      </c>
      <c r="E41" s="50">
        <v>100278</v>
      </c>
      <c r="F41" s="51">
        <v>1.2839521727239482</v>
      </c>
      <c r="G41" s="50">
        <v>42342</v>
      </c>
      <c r="H41" s="51">
        <v>0.54214386901890166</v>
      </c>
      <c r="I41" s="50">
        <v>57936</v>
      </c>
      <c r="J41" s="51">
        <v>0.74180830370504669</v>
      </c>
      <c r="K41" s="52">
        <v>2704986</v>
      </c>
      <c r="L41" s="53">
        <v>2.8872992318629374</v>
      </c>
    </row>
    <row r="42" spans="1:12" s="2" customFormat="1" ht="11.25" customHeight="1">
      <c r="A42" s="40"/>
      <c r="B42" s="41" t="s">
        <v>22</v>
      </c>
      <c r="C42" s="42"/>
      <c r="D42" s="43">
        <v>7701087</v>
      </c>
      <c r="E42" s="43">
        <v>109017</v>
      </c>
      <c r="F42" s="44">
        <v>1.4156053554517694</v>
      </c>
      <c r="G42" s="43">
        <v>47324</v>
      </c>
      <c r="H42" s="44">
        <v>0.6145106528467994</v>
      </c>
      <c r="I42" s="43">
        <v>61693</v>
      </c>
      <c r="J42" s="44">
        <v>0.80109470260496995</v>
      </c>
      <c r="K42" s="45">
        <v>2636591</v>
      </c>
      <c r="L42" s="46">
        <v>2.9208500673786721</v>
      </c>
    </row>
    <row r="43" spans="1:12" s="2" customFormat="1" ht="11.25" customHeight="1">
      <c r="A43" s="40"/>
      <c r="B43" s="41">
        <v>62</v>
      </c>
      <c r="C43" s="42"/>
      <c r="D43" s="43">
        <v>7572197</v>
      </c>
      <c r="E43" s="43">
        <v>128890</v>
      </c>
      <c r="F43" s="44">
        <v>1.7021480027527018</v>
      </c>
      <c r="G43" s="43">
        <v>48655</v>
      </c>
      <c r="H43" s="44">
        <v>0.64254799498745219</v>
      </c>
      <c r="I43" s="43">
        <v>80235</v>
      </c>
      <c r="J43" s="44">
        <v>1.0596000077652497</v>
      </c>
      <c r="K43" s="45">
        <v>2566064</v>
      </c>
      <c r="L43" s="46">
        <v>2.9508995099108986</v>
      </c>
    </row>
    <row r="44" spans="1:12" s="2" customFormat="1" ht="11.25" customHeight="1">
      <c r="A44" s="40"/>
      <c r="B44" s="41">
        <v>61</v>
      </c>
      <c r="C44" s="42"/>
      <c r="D44" s="43">
        <v>7452253</v>
      </c>
      <c r="E44" s="43">
        <v>119944</v>
      </c>
      <c r="F44" s="44">
        <v>1.6094998385052146</v>
      </c>
      <c r="G44" s="43">
        <v>49040</v>
      </c>
      <c r="H44" s="44">
        <v>0.65805602681497799</v>
      </c>
      <c r="I44" s="43">
        <v>70904</v>
      </c>
      <c r="J44" s="44">
        <v>0.95144381169023651</v>
      </c>
      <c r="K44" s="45">
        <v>2497481</v>
      </c>
      <c r="L44" s="46">
        <v>2.9839077854846545</v>
      </c>
    </row>
    <row r="45" spans="1:12" s="2" customFormat="1" ht="11.25" customHeight="1">
      <c r="A45" s="40"/>
      <c r="B45" s="41" t="s">
        <v>23</v>
      </c>
      <c r="C45" s="42"/>
      <c r="D45" s="43">
        <v>7349993</v>
      </c>
      <c r="E45" s="43">
        <v>102260</v>
      </c>
      <c r="F45" s="44">
        <v>1.391293842048557</v>
      </c>
      <c r="G45" s="43">
        <v>52583</v>
      </c>
      <c r="H45" s="44">
        <v>0.71541564733463014</v>
      </c>
      <c r="I45" s="43">
        <v>49677</v>
      </c>
      <c r="J45" s="44">
        <v>0.67587819471392696</v>
      </c>
      <c r="K45" s="45">
        <v>2466824</v>
      </c>
      <c r="L45" s="46">
        <v>2.9795368457579463</v>
      </c>
    </row>
    <row r="46" spans="1:12" s="2" customFormat="1" ht="6" customHeight="1">
      <c r="A46" s="40"/>
      <c r="B46" s="41"/>
      <c r="C46" s="42"/>
      <c r="D46" s="43"/>
      <c r="E46" s="43"/>
      <c r="F46" s="44"/>
      <c r="G46" s="43"/>
      <c r="H46" s="44"/>
      <c r="I46" s="43"/>
      <c r="J46" s="44"/>
      <c r="K46" s="45"/>
      <c r="L46" s="46"/>
    </row>
    <row r="47" spans="1:12" s="2" customFormat="1" ht="11.25" customHeight="1">
      <c r="A47" s="47"/>
      <c r="B47" s="48">
        <v>59</v>
      </c>
      <c r="C47" s="49"/>
      <c r="D47" s="50">
        <v>7248578</v>
      </c>
      <c r="E47" s="50">
        <v>101415</v>
      </c>
      <c r="F47" s="51">
        <v>1.3991020031791064</v>
      </c>
      <c r="G47" s="50">
        <v>55972</v>
      </c>
      <c r="H47" s="51">
        <v>0.77217903980615232</v>
      </c>
      <c r="I47" s="50">
        <v>45443</v>
      </c>
      <c r="J47" s="51">
        <v>0.62692296337295395</v>
      </c>
      <c r="K47" s="52">
        <v>2414153</v>
      </c>
      <c r="L47" s="53">
        <v>3.0025346363714314</v>
      </c>
    </row>
    <row r="48" spans="1:12" s="2" customFormat="1" ht="11.25" customHeight="1">
      <c r="A48" s="40"/>
      <c r="B48" s="41">
        <v>58</v>
      </c>
      <c r="C48" s="42"/>
      <c r="D48" s="43">
        <v>7148043</v>
      </c>
      <c r="E48" s="43">
        <v>100535</v>
      </c>
      <c r="F48" s="44">
        <v>1.4064688754670334</v>
      </c>
      <c r="G48" s="43">
        <v>58352</v>
      </c>
      <c r="H48" s="44">
        <v>0.816335324227904</v>
      </c>
      <c r="I48" s="43">
        <v>42183</v>
      </c>
      <c r="J48" s="44">
        <v>0.59013355123912936</v>
      </c>
      <c r="K48" s="45">
        <v>2362386</v>
      </c>
      <c r="L48" s="46">
        <v>3.025772672205135</v>
      </c>
    </row>
    <row r="49" spans="1:12" s="2" customFormat="1" ht="11.25" customHeight="1">
      <c r="A49" s="40"/>
      <c r="B49" s="41">
        <v>57</v>
      </c>
      <c r="C49" s="42"/>
      <c r="D49" s="43">
        <v>7044560</v>
      </c>
      <c r="E49" s="43">
        <v>103483</v>
      </c>
      <c r="F49" s="44">
        <v>1.468977480495588</v>
      </c>
      <c r="G49" s="43">
        <v>60339</v>
      </c>
      <c r="H49" s="44">
        <v>0.85653326822399123</v>
      </c>
      <c r="I49" s="43">
        <v>43144</v>
      </c>
      <c r="J49" s="44">
        <v>0.61244421227159684</v>
      </c>
      <c r="K49" s="45">
        <v>2310377</v>
      </c>
      <c r="L49" s="46">
        <v>3.0490954506558885</v>
      </c>
    </row>
    <row r="50" spans="1:12" s="2" customFormat="1" ht="11.25" customHeight="1">
      <c r="A50" s="40"/>
      <c r="B50" s="41">
        <v>56</v>
      </c>
      <c r="C50" s="42"/>
      <c r="D50" s="43">
        <v>6943574</v>
      </c>
      <c r="E50" s="43">
        <v>100986</v>
      </c>
      <c r="F50" s="44">
        <v>1.4543806978941969</v>
      </c>
      <c r="G50" s="43">
        <v>62127</v>
      </c>
      <c r="H50" s="44">
        <v>0.89474095040968826</v>
      </c>
      <c r="I50" s="43">
        <v>38859</v>
      </c>
      <c r="J50" s="44">
        <v>0.55963974748450873</v>
      </c>
      <c r="K50" s="45">
        <v>2264063</v>
      </c>
      <c r="L50" s="46">
        <v>3.0668643054543976</v>
      </c>
    </row>
    <row r="51" spans="1:12" s="2" customFormat="1" ht="11.25" customHeight="1">
      <c r="A51" s="40"/>
      <c r="B51" s="41" t="s">
        <v>24</v>
      </c>
      <c r="C51" s="42"/>
      <c r="D51" s="43">
        <v>6857040</v>
      </c>
      <c r="E51" s="43">
        <v>86534</v>
      </c>
      <c r="F51" s="44">
        <v>1.2619730962631106</v>
      </c>
      <c r="G51" s="43">
        <v>64640</v>
      </c>
      <c r="H51" s="44">
        <v>0.94268080687876976</v>
      </c>
      <c r="I51" s="43">
        <v>21894</v>
      </c>
      <c r="J51" s="44">
        <v>0.31929228938434079</v>
      </c>
      <c r="K51" s="45">
        <v>2053145</v>
      </c>
      <c r="L51" s="46">
        <v>3.339773859128313</v>
      </c>
    </row>
    <row r="52" spans="1:12" s="2" customFormat="1" ht="6" customHeight="1">
      <c r="A52" s="40"/>
      <c r="B52" s="41"/>
      <c r="C52" s="42"/>
      <c r="D52" s="43"/>
      <c r="E52" s="43"/>
      <c r="F52" s="44"/>
      <c r="G52" s="43"/>
      <c r="H52" s="44"/>
      <c r="I52" s="43"/>
      <c r="J52" s="44"/>
      <c r="K52" s="45"/>
      <c r="L52" s="46"/>
    </row>
    <row r="53" spans="1:12" s="2" customFormat="1" ht="11.25" customHeight="1">
      <c r="A53" s="47"/>
      <c r="B53" s="48">
        <v>54</v>
      </c>
      <c r="C53" s="49"/>
      <c r="D53" s="50">
        <v>6759223</v>
      </c>
      <c r="E53" s="50">
        <v>97817</v>
      </c>
      <c r="F53" s="51">
        <v>1.4471633795778005</v>
      </c>
      <c r="G53" s="50">
        <v>71989</v>
      </c>
      <c r="H53" s="51">
        <v>1.0650484530544413</v>
      </c>
      <c r="I53" s="50">
        <v>25828</v>
      </c>
      <c r="J53" s="51">
        <v>0.38211492652335927</v>
      </c>
      <c r="K53" s="52">
        <v>2019404</v>
      </c>
      <c r="L53" s="53">
        <v>3.3471375712834082</v>
      </c>
    </row>
    <row r="54" spans="1:12" s="2" customFormat="1" ht="11.25" customHeight="1">
      <c r="A54" s="40"/>
      <c r="B54" s="41">
        <v>53</v>
      </c>
      <c r="C54" s="42"/>
      <c r="D54" s="43">
        <v>6646694</v>
      </c>
      <c r="E54" s="43">
        <v>112529</v>
      </c>
      <c r="F54" s="44">
        <v>1.6930070799107046</v>
      </c>
      <c r="G54" s="43">
        <v>76221</v>
      </c>
      <c r="H54" s="44">
        <v>1.1467505499726631</v>
      </c>
      <c r="I54" s="43">
        <v>36308</v>
      </c>
      <c r="J54" s="44">
        <v>0.54625652993804141</v>
      </c>
      <c r="K54" s="45">
        <v>1982548</v>
      </c>
      <c r="L54" s="46">
        <v>3.3526018033359093</v>
      </c>
    </row>
    <row r="55" spans="1:12" s="2" customFormat="1" ht="11.25" customHeight="1">
      <c r="A55" s="40"/>
      <c r="B55" s="41">
        <v>52</v>
      </c>
      <c r="C55" s="42"/>
      <c r="D55" s="43">
        <v>6534674</v>
      </c>
      <c r="E55" s="43">
        <v>112020</v>
      </c>
      <c r="F55" s="44">
        <v>1.7142400676759084</v>
      </c>
      <c r="G55" s="43">
        <v>81332</v>
      </c>
      <c r="H55" s="44">
        <v>1.2446221494752454</v>
      </c>
      <c r="I55" s="43">
        <v>30688</v>
      </c>
      <c r="J55" s="44">
        <v>0.46961791820066312</v>
      </c>
      <c r="K55" s="45">
        <v>1947681</v>
      </c>
      <c r="L55" s="46">
        <v>3.3551048657351998</v>
      </c>
    </row>
    <row r="56" spans="1:12" s="2" customFormat="1" ht="11.25" customHeight="1">
      <c r="A56" s="40"/>
      <c r="B56" s="41">
        <v>51</v>
      </c>
      <c r="C56" s="42"/>
      <c r="D56" s="43">
        <v>6421325</v>
      </c>
      <c r="E56" s="43">
        <v>113349</v>
      </c>
      <c r="F56" s="44">
        <v>1.7651964353151413</v>
      </c>
      <c r="G56" s="43">
        <v>87123</v>
      </c>
      <c r="H56" s="44">
        <v>1.3567760547862007</v>
      </c>
      <c r="I56" s="43">
        <v>26226</v>
      </c>
      <c r="J56" s="44">
        <v>0.4084203805289407</v>
      </c>
      <c r="K56" s="45">
        <v>1913271</v>
      </c>
      <c r="L56" s="46">
        <v>3.3562025452745585</v>
      </c>
    </row>
    <row r="57" spans="1:12" s="2" customFormat="1" ht="11.25" customHeight="1">
      <c r="A57" s="40"/>
      <c r="B57" s="41" t="s">
        <v>25</v>
      </c>
      <c r="C57" s="42"/>
      <c r="D57" s="43">
        <v>6295998</v>
      </c>
      <c r="E57" s="43">
        <v>125327</v>
      </c>
      <c r="F57" s="44">
        <v>1.9905819538062115</v>
      </c>
      <c r="G57" s="43">
        <v>90784</v>
      </c>
      <c r="H57" s="44">
        <v>1.4419318430533175</v>
      </c>
      <c r="I57" s="43">
        <v>34543</v>
      </c>
      <c r="J57" s="44">
        <v>0.54865011075289405</v>
      </c>
      <c r="K57" s="45">
        <v>1864491</v>
      </c>
      <c r="L57" s="46">
        <v>3.3767918429212047</v>
      </c>
    </row>
    <row r="58" spans="1:12" s="2" customFormat="1" ht="6" customHeight="1">
      <c r="A58" s="40"/>
      <c r="B58" s="41"/>
      <c r="C58" s="42"/>
      <c r="D58" s="43"/>
      <c r="E58" s="43"/>
      <c r="F58" s="44"/>
      <c r="G58" s="43"/>
      <c r="H58" s="44"/>
      <c r="I58" s="43"/>
      <c r="J58" s="44"/>
      <c r="K58" s="45"/>
      <c r="L58" s="46"/>
    </row>
    <row r="59" spans="1:12" s="2" customFormat="1" ht="11.25" customHeight="1">
      <c r="A59" s="47"/>
      <c r="B59" s="48">
        <v>49</v>
      </c>
      <c r="C59" s="49"/>
      <c r="D59" s="50">
        <v>6138096</v>
      </c>
      <c r="E59" s="50">
        <v>157902</v>
      </c>
      <c r="F59" s="51">
        <v>2.5724915348342545</v>
      </c>
      <c r="G59" s="50">
        <v>101799</v>
      </c>
      <c r="H59" s="51">
        <v>1.6584784597699349</v>
      </c>
      <c r="I59" s="50">
        <v>56103</v>
      </c>
      <c r="J59" s="51">
        <v>0.91401307506431961</v>
      </c>
      <c r="K59" s="52">
        <v>1801478</v>
      </c>
      <c r="L59" s="53">
        <v>3.4072555979034993</v>
      </c>
    </row>
    <row r="60" spans="1:12" s="2" customFormat="1" ht="11.25" customHeight="1">
      <c r="A60" s="40"/>
      <c r="B60" s="41">
        <v>48</v>
      </c>
      <c r="C60" s="42"/>
      <c r="D60" s="43">
        <v>5958190</v>
      </c>
      <c r="E60" s="43">
        <v>179906</v>
      </c>
      <c r="F60" s="44">
        <v>3.0194740348998605</v>
      </c>
      <c r="G60" s="43">
        <v>108371</v>
      </c>
      <c r="H60" s="44">
        <v>1.8188577403540338</v>
      </c>
      <c r="I60" s="43">
        <v>71535</v>
      </c>
      <c r="J60" s="44">
        <v>1.2006162945458267</v>
      </c>
      <c r="K60" s="45">
        <v>1730604</v>
      </c>
      <c r="L60" s="46">
        <v>3.4428384540888612</v>
      </c>
    </row>
    <row r="61" spans="1:12" s="2" customFormat="1" ht="11.25" customHeight="1">
      <c r="A61" s="40"/>
      <c r="B61" s="41">
        <v>47</v>
      </c>
      <c r="C61" s="42"/>
      <c r="D61" s="43">
        <v>5758256</v>
      </c>
      <c r="E61" s="43">
        <v>199934</v>
      </c>
      <c r="F61" s="44">
        <v>3.4721276719895751</v>
      </c>
      <c r="G61" s="43">
        <v>106384</v>
      </c>
      <c r="H61" s="44">
        <v>1.8475038275477851</v>
      </c>
      <c r="I61" s="43">
        <v>93550</v>
      </c>
      <c r="J61" s="44">
        <v>1.6246238444417895</v>
      </c>
      <c r="K61" s="45">
        <v>1651473</v>
      </c>
      <c r="L61" s="46">
        <v>3.4867394138444889</v>
      </c>
    </row>
    <row r="62" spans="1:12" s="2" customFormat="1" ht="11.25" customHeight="1">
      <c r="A62" s="40"/>
      <c r="B62" s="41">
        <v>46</v>
      </c>
      <c r="C62" s="42"/>
      <c r="D62" s="43">
        <v>5524380</v>
      </c>
      <c r="E62" s="43">
        <v>233876</v>
      </c>
      <c r="F62" s="44">
        <v>4.2335248480372458</v>
      </c>
      <c r="G62" s="43">
        <v>102700</v>
      </c>
      <c r="H62" s="44">
        <v>1.8590321447836682</v>
      </c>
      <c r="I62" s="43">
        <v>131176</v>
      </c>
      <c r="J62" s="44">
        <v>2.3744927032535781</v>
      </c>
      <c r="K62" s="45">
        <v>1554798</v>
      </c>
      <c r="L62" s="46">
        <v>3.5531175110850413</v>
      </c>
    </row>
    <row r="63" spans="1:12" s="2" customFormat="1" ht="11.25" customHeight="1">
      <c r="A63" s="40"/>
      <c r="B63" s="41" t="s">
        <v>26</v>
      </c>
      <c r="C63" s="42"/>
      <c r="D63" s="43">
        <v>5292904</v>
      </c>
      <c r="E63" s="43">
        <v>231476</v>
      </c>
      <c r="F63" s="44">
        <v>4.3733270053641631</v>
      </c>
      <c r="G63" s="43">
        <v>97696</v>
      </c>
      <c r="H63" s="44">
        <v>1.8457920264565539</v>
      </c>
      <c r="I63" s="43">
        <v>133780</v>
      </c>
      <c r="J63" s="44">
        <v>2.5275349789076094</v>
      </c>
      <c r="K63" s="45">
        <v>1469259</v>
      </c>
      <c r="L63" s="46">
        <v>3.6024308852285403</v>
      </c>
    </row>
    <row r="64" spans="1:12" s="2" customFormat="1" ht="6" customHeight="1">
      <c r="A64" s="40"/>
      <c r="B64" s="41"/>
      <c r="C64" s="42"/>
      <c r="D64" s="43"/>
      <c r="E64" s="43"/>
      <c r="F64" s="44"/>
      <c r="G64" s="43"/>
      <c r="H64" s="44"/>
      <c r="I64" s="43"/>
      <c r="J64" s="44"/>
      <c r="K64" s="45"/>
      <c r="L64" s="46"/>
    </row>
    <row r="65" spans="1:14" s="2" customFormat="1" ht="11.25" customHeight="1">
      <c r="A65" s="47"/>
      <c r="B65" s="48">
        <v>44</v>
      </c>
      <c r="C65" s="49"/>
      <c r="D65" s="50">
        <v>5073378</v>
      </c>
      <c r="E65" s="50">
        <v>219526</v>
      </c>
      <c r="F65" s="51">
        <v>4.3270184086421315</v>
      </c>
      <c r="G65" s="50">
        <v>90246</v>
      </c>
      <c r="H65" s="51">
        <v>1.7788148251519993</v>
      </c>
      <c r="I65" s="50">
        <v>129280</v>
      </c>
      <c r="J65" s="51">
        <v>2.5482035834901322</v>
      </c>
      <c r="K65" s="52">
        <v>1376682</v>
      </c>
      <c r="L65" s="53">
        <v>3.6852214236839007</v>
      </c>
    </row>
    <row r="66" spans="1:14" s="2" customFormat="1" ht="11.25" customHeight="1">
      <c r="A66" s="40"/>
      <c r="B66" s="41">
        <v>43</v>
      </c>
      <c r="C66" s="42"/>
      <c r="D66" s="43">
        <v>4845739</v>
      </c>
      <c r="E66" s="43">
        <v>227639</v>
      </c>
      <c r="F66" s="44">
        <v>4.6977148377161875</v>
      </c>
      <c r="G66" s="43">
        <v>86018</v>
      </c>
      <c r="H66" s="44">
        <v>1.7751265596434311</v>
      </c>
      <c r="I66" s="43">
        <v>141621</v>
      </c>
      <c r="J66" s="44">
        <v>2.9225882780727566</v>
      </c>
      <c r="K66" s="45">
        <v>1297113</v>
      </c>
      <c r="L66" s="46">
        <v>3.7357878611963646</v>
      </c>
    </row>
    <row r="67" spans="1:14" s="2" customFormat="1" ht="11.25" customHeight="1">
      <c r="A67" s="40"/>
      <c r="B67" s="41">
        <v>42</v>
      </c>
      <c r="C67" s="42"/>
      <c r="D67" s="43">
        <v>4638525</v>
      </c>
      <c r="E67" s="43">
        <v>207214</v>
      </c>
      <c r="F67" s="44">
        <v>4.4672390468952949</v>
      </c>
      <c r="G67" s="43">
        <v>85699</v>
      </c>
      <c r="H67" s="44">
        <v>1.847548520273147</v>
      </c>
      <c r="I67" s="43">
        <v>121515</v>
      </c>
      <c r="J67" s="44">
        <v>2.619690526622148</v>
      </c>
      <c r="K67" s="45">
        <v>1227888</v>
      </c>
      <c r="L67" s="46">
        <v>3.7776450295140926</v>
      </c>
    </row>
    <row r="68" spans="1:14" s="2" customFormat="1" ht="11.25" customHeight="1">
      <c r="A68" s="40"/>
      <c r="B68" s="41">
        <v>41</v>
      </c>
      <c r="C68" s="42"/>
      <c r="D68" s="43">
        <v>4474335</v>
      </c>
      <c r="E68" s="43">
        <v>164190</v>
      </c>
      <c r="F68" s="44">
        <v>3.6695955935351283</v>
      </c>
      <c r="G68" s="43">
        <v>55394</v>
      </c>
      <c r="H68" s="44">
        <v>1.2380387253077831</v>
      </c>
      <c r="I68" s="43">
        <v>108796</v>
      </c>
      <c r="J68" s="44">
        <v>2.4315568682273456</v>
      </c>
      <c r="K68" s="45">
        <v>1164807</v>
      </c>
      <c r="L68" s="46">
        <v>3.8412672657358686</v>
      </c>
    </row>
    <row r="69" spans="1:14" s="2" customFormat="1" ht="11.25" customHeight="1">
      <c r="A69" s="40"/>
      <c r="B69" s="41" t="s">
        <v>27</v>
      </c>
      <c r="C69" s="42"/>
      <c r="D69" s="43">
        <v>4254849</v>
      </c>
      <c r="E69" s="43">
        <v>219486</v>
      </c>
      <c r="F69" s="44">
        <v>5.1584909358710496</v>
      </c>
      <c r="G69" s="43">
        <v>73843</v>
      </c>
      <c r="H69" s="44">
        <v>1.7355022469657562</v>
      </c>
      <c r="I69" s="43">
        <v>145643</v>
      </c>
      <c r="J69" s="44">
        <v>3.4229886889052938</v>
      </c>
      <c r="K69" s="45">
        <v>1095062</v>
      </c>
      <c r="L69" s="46">
        <v>3.8854868491464409</v>
      </c>
    </row>
    <row r="70" spans="1:14" s="2" customFormat="1" ht="6" customHeight="1">
      <c r="A70" s="40"/>
      <c r="B70" s="41"/>
      <c r="C70" s="42"/>
      <c r="D70" s="43"/>
      <c r="E70" s="43"/>
      <c r="F70" s="44"/>
      <c r="G70" s="43"/>
      <c r="H70" s="44"/>
      <c r="I70" s="43"/>
      <c r="J70" s="44"/>
      <c r="K70" s="45"/>
      <c r="L70" s="46"/>
    </row>
    <row r="71" spans="1:14" s="2" customFormat="1" ht="11.25" customHeight="1">
      <c r="A71" s="47"/>
      <c r="B71" s="48">
        <v>39</v>
      </c>
      <c r="C71" s="49"/>
      <c r="D71" s="50">
        <v>4023952</v>
      </c>
      <c r="E71" s="50">
        <v>230897</v>
      </c>
      <c r="F71" s="51">
        <v>5.7380654640015587</v>
      </c>
      <c r="G71" s="50">
        <v>63494</v>
      </c>
      <c r="H71" s="51">
        <v>1.5779015256643221</v>
      </c>
      <c r="I71" s="50">
        <v>167403</v>
      </c>
      <c r="J71" s="51">
        <v>4.1601639383372362</v>
      </c>
      <c r="K71" s="52">
        <v>1018301</v>
      </c>
      <c r="L71" s="53">
        <v>3.9516331615111837</v>
      </c>
    </row>
    <row r="72" spans="1:14" s="2" customFormat="1" ht="11.25" customHeight="1">
      <c r="A72" s="40"/>
      <c r="B72" s="41">
        <v>38</v>
      </c>
      <c r="C72" s="42"/>
      <c r="D72" s="43">
        <v>3836417</v>
      </c>
      <c r="E72" s="43">
        <v>187535</v>
      </c>
      <c r="F72" s="44">
        <v>4.8882850847548633</v>
      </c>
      <c r="G72" s="43">
        <v>54670</v>
      </c>
      <c r="H72" s="44">
        <v>1.4250275712989491</v>
      </c>
      <c r="I72" s="43">
        <v>132865</v>
      </c>
      <c r="J72" s="44">
        <v>3.4632575134559147</v>
      </c>
      <c r="K72" s="45">
        <v>952134</v>
      </c>
      <c r="L72" s="46">
        <v>4.0292826429893269</v>
      </c>
    </row>
    <row r="73" spans="1:14" s="2" customFormat="1" ht="11.25" customHeight="1">
      <c r="A73" s="40"/>
      <c r="B73" s="41">
        <v>37</v>
      </c>
      <c r="C73" s="42"/>
      <c r="D73" s="43">
        <v>3643446</v>
      </c>
      <c r="E73" s="43">
        <v>192971</v>
      </c>
      <c r="F73" s="44">
        <v>5.2963869918752744</v>
      </c>
      <c r="G73" s="43">
        <v>47778</v>
      </c>
      <c r="H73" s="44">
        <v>1.311340966766078</v>
      </c>
      <c r="I73" s="43">
        <v>145193</v>
      </c>
      <c r="J73" s="44">
        <v>3.9850460251091966</v>
      </c>
      <c r="K73" s="45">
        <v>884176</v>
      </c>
      <c r="L73" s="46">
        <v>4.1207248330649104</v>
      </c>
    </row>
    <row r="74" spans="1:14" s="2" customFormat="1" ht="6" customHeight="1" thickBot="1">
      <c r="A74" s="54"/>
      <c r="B74" s="55"/>
      <c r="C74" s="55"/>
      <c r="D74" s="56"/>
      <c r="E74" s="56"/>
      <c r="F74" s="57"/>
      <c r="G74" s="56"/>
      <c r="H74" s="57"/>
      <c r="I74" s="56"/>
      <c r="J74" s="57"/>
      <c r="K74" s="58"/>
      <c r="L74" s="59"/>
    </row>
    <row r="75" spans="1:14" ht="11.25" customHeight="1">
      <c r="A75" s="194" t="s">
        <v>28</v>
      </c>
      <c r="B75" s="194"/>
      <c r="C75" s="194"/>
      <c r="D75" s="194"/>
      <c r="E75" s="194"/>
      <c r="F75" s="194"/>
      <c r="G75" s="194"/>
      <c r="H75" s="194"/>
      <c r="I75" s="194"/>
      <c r="J75" s="194"/>
      <c r="K75" s="194"/>
      <c r="L75" s="194"/>
      <c r="M75" s="60"/>
      <c r="N75" s="60"/>
    </row>
  </sheetData>
  <mergeCells count="10">
    <mergeCell ref="A75:L75"/>
    <mergeCell ref="A1:L1"/>
    <mergeCell ref="A2:C2"/>
    <mergeCell ref="A3:C5"/>
    <mergeCell ref="D3:D5"/>
    <mergeCell ref="E3:E5"/>
    <mergeCell ref="K3:K5"/>
    <mergeCell ref="L3:L5"/>
    <mergeCell ref="G4:H4"/>
    <mergeCell ref="I4:J4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63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64</v>
      </c>
      <c r="E3" s="198"/>
      <c r="F3" s="198"/>
      <c r="G3" s="256"/>
      <c r="H3" s="209" t="s">
        <v>165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42584</v>
      </c>
      <c r="E6" s="20">
        <v>4565947</v>
      </c>
      <c r="F6" s="20">
        <v>4576637</v>
      </c>
      <c r="G6" s="20">
        <v>4012895</v>
      </c>
      <c r="H6" s="20">
        <v>9144992</v>
      </c>
      <c r="I6" s="20">
        <v>4566901</v>
      </c>
      <c r="J6" s="20">
        <v>4578091</v>
      </c>
      <c r="K6" s="160">
        <v>4016556</v>
      </c>
    </row>
    <row r="7" spans="1:22" s="32" customFormat="1" ht="9.75" customHeight="1">
      <c r="A7" s="253" t="s">
        <v>81</v>
      </c>
      <c r="B7" s="254"/>
      <c r="C7" s="35"/>
      <c r="D7" s="151">
        <v>8850100</v>
      </c>
      <c r="E7" s="151">
        <v>4422213</v>
      </c>
      <c r="F7" s="151">
        <v>4427887</v>
      </c>
      <c r="G7" s="151">
        <v>3896284</v>
      </c>
      <c r="H7" s="151">
        <v>8852543</v>
      </c>
      <c r="I7" s="151">
        <v>4423161</v>
      </c>
      <c r="J7" s="151">
        <v>4429382</v>
      </c>
      <c r="K7" s="161">
        <v>3899858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2484</v>
      </c>
      <c r="E8" s="151">
        <v>143734</v>
      </c>
      <c r="F8" s="151">
        <v>148750</v>
      </c>
      <c r="G8" s="151">
        <v>116611</v>
      </c>
      <c r="H8" s="151">
        <v>292449</v>
      </c>
      <c r="I8" s="151">
        <v>143740</v>
      </c>
      <c r="J8" s="151">
        <v>148709</v>
      </c>
      <c r="K8" s="161">
        <v>116698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30706</v>
      </c>
      <c r="E10" s="157">
        <v>1857812</v>
      </c>
      <c r="F10" s="157">
        <v>1872894</v>
      </c>
      <c r="G10" s="157">
        <v>1657700</v>
      </c>
      <c r="H10" s="157">
        <v>3731216</v>
      </c>
      <c r="I10" s="157">
        <v>1857984</v>
      </c>
      <c r="J10" s="157">
        <v>1873232</v>
      </c>
      <c r="K10" s="163">
        <v>1658771</v>
      </c>
    </row>
    <row r="11" spans="1:22" ht="9.75" customHeight="1">
      <c r="A11" s="40"/>
      <c r="B11" s="70" t="s">
        <v>84</v>
      </c>
      <c r="C11" s="42"/>
      <c r="D11" s="154">
        <v>286616</v>
      </c>
      <c r="E11" s="154">
        <v>148235</v>
      </c>
      <c r="F11" s="154">
        <v>138381</v>
      </c>
      <c r="G11" s="154">
        <v>134099</v>
      </c>
      <c r="H11" s="154">
        <v>286889</v>
      </c>
      <c r="I11" s="154">
        <v>148369</v>
      </c>
      <c r="J11" s="154">
        <v>138520</v>
      </c>
      <c r="K11" s="162">
        <v>134311</v>
      </c>
    </row>
    <row r="12" spans="1:22" ht="9.75" customHeight="1">
      <c r="A12" s="40"/>
      <c r="B12" s="70" t="s">
        <v>85</v>
      </c>
      <c r="C12" s="42"/>
      <c r="D12" s="154">
        <v>240048</v>
      </c>
      <c r="E12" s="154">
        <v>122299</v>
      </c>
      <c r="F12" s="154">
        <v>117749</v>
      </c>
      <c r="G12" s="154">
        <v>120712</v>
      </c>
      <c r="H12" s="154">
        <v>240118</v>
      </c>
      <c r="I12" s="154">
        <v>122324</v>
      </c>
      <c r="J12" s="154">
        <v>117794</v>
      </c>
      <c r="K12" s="162">
        <v>120804</v>
      </c>
    </row>
    <row r="13" spans="1:22" ht="9.75" customHeight="1">
      <c r="A13" s="40"/>
      <c r="B13" s="70" t="s">
        <v>86</v>
      </c>
      <c r="C13" s="42"/>
      <c r="D13" s="154">
        <v>98768</v>
      </c>
      <c r="E13" s="154">
        <v>49998</v>
      </c>
      <c r="F13" s="154">
        <v>48770</v>
      </c>
      <c r="G13" s="154">
        <v>52166</v>
      </c>
      <c r="H13" s="154">
        <v>98730</v>
      </c>
      <c r="I13" s="154">
        <v>49985</v>
      </c>
      <c r="J13" s="154">
        <v>48745</v>
      </c>
      <c r="K13" s="162">
        <v>52134</v>
      </c>
    </row>
    <row r="14" spans="1:22" ht="9.75" customHeight="1">
      <c r="A14" s="40"/>
      <c r="B14" s="70" t="s">
        <v>87</v>
      </c>
      <c r="C14" s="42"/>
      <c r="D14" s="154">
        <v>148783</v>
      </c>
      <c r="E14" s="154">
        <v>78165</v>
      </c>
      <c r="F14" s="154">
        <v>70618</v>
      </c>
      <c r="G14" s="154">
        <v>79354</v>
      </c>
      <c r="H14" s="154">
        <v>148744</v>
      </c>
      <c r="I14" s="154">
        <v>78166</v>
      </c>
      <c r="J14" s="154">
        <v>70578</v>
      </c>
      <c r="K14" s="162">
        <v>79330</v>
      </c>
    </row>
    <row r="15" spans="1:22" ht="9.75" customHeight="1">
      <c r="A15" s="40"/>
      <c r="B15" s="70" t="s">
        <v>88</v>
      </c>
      <c r="C15" s="42"/>
      <c r="D15" s="154">
        <v>194874</v>
      </c>
      <c r="E15" s="154">
        <v>96996</v>
      </c>
      <c r="F15" s="154">
        <v>97878</v>
      </c>
      <c r="G15" s="154">
        <v>96176</v>
      </c>
      <c r="H15" s="154">
        <v>194861</v>
      </c>
      <c r="I15" s="154">
        <v>96972</v>
      </c>
      <c r="J15" s="154">
        <v>97889</v>
      </c>
      <c r="K15" s="162">
        <v>96223</v>
      </c>
    </row>
    <row r="16" spans="1:22" ht="9.75" customHeight="1">
      <c r="A16" s="40"/>
      <c r="B16" s="70" t="s">
        <v>89</v>
      </c>
      <c r="C16" s="42"/>
      <c r="D16" s="154">
        <v>215208</v>
      </c>
      <c r="E16" s="154">
        <v>105732</v>
      </c>
      <c r="F16" s="154">
        <v>109476</v>
      </c>
      <c r="G16" s="154">
        <v>91495</v>
      </c>
      <c r="H16" s="154">
        <v>215049</v>
      </c>
      <c r="I16" s="154">
        <v>105640</v>
      </c>
      <c r="J16" s="154">
        <v>109409</v>
      </c>
      <c r="K16" s="162">
        <v>91460</v>
      </c>
    </row>
    <row r="17" spans="1:11" ht="9.75" customHeight="1">
      <c r="A17" s="40"/>
      <c r="B17" s="70" t="s">
        <v>90</v>
      </c>
      <c r="C17" s="42"/>
      <c r="D17" s="154">
        <v>206180</v>
      </c>
      <c r="E17" s="154">
        <v>102638</v>
      </c>
      <c r="F17" s="154">
        <v>103542</v>
      </c>
      <c r="G17" s="154">
        <v>93562</v>
      </c>
      <c r="H17" s="154">
        <v>206332</v>
      </c>
      <c r="I17" s="154">
        <v>102738</v>
      </c>
      <c r="J17" s="154">
        <v>103594</v>
      </c>
      <c r="K17" s="162">
        <v>93685</v>
      </c>
    </row>
    <row r="18" spans="1:11" ht="9.75" customHeight="1">
      <c r="A18" s="40"/>
      <c r="B18" s="70" t="s">
        <v>91</v>
      </c>
      <c r="C18" s="42"/>
      <c r="D18" s="154">
        <v>246936</v>
      </c>
      <c r="E18" s="154">
        <v>120015</v>
      </c>
      <c r="F18" s="154">
        <v>126921</v>
      </c>
      <c r="G18" s="154">
        <v>103317</v>
      </c>
      <c r="H18" s="154">
        <v>246884</v>
      </c>
      <c r="I18" s="154">
        <v>119979</v>
      </c>
      <c r="J18" s="154">
        <v>126905</v>
      </c>
      <c r="K18" s="162">
        <v>103379</v>
      </c>
    </row>
    <row r="19" spans="1:11" ht="9.75" customHeight="1">
      <c r="A19" s="40"/>
      <c r="B19" s="70" t="s">
        <v>92</v>
      </c>
      <c r="C19" s="42"/>
      <c r="D19" s="154">
        <v>166463</v>
      </c>
      <c r="E19" s="154">
        <v>81953</v>
      </c>
      <c r="F19" s="154">
        <v>84510</v>
      </c>
      <c r="G19" s="154">
        <v>75086</v>
      </c>
      <c r="H19" s="154">
        <v>166666</v>
      </c>
      <c r="I19" s="154">
        <v>82062</v>
      </c>
      <c r="J19" s="154">
        <v>84604</v>
      </c>
      <c r="K19" s="162">
        <v>75249</v>
      </c>
    </row>
    <row r="20" spans="1:11" ht="9.75" customHeight="1">
      <c r="A20" s="40"/>
      <c r="B20" s="70" t="s">
        <v>93</v>
      </c>
      <c r="C20" s="42"/>
      <c r="D20" s="154">
        <v>201460</v>
      </c>
      <c r="E20" s="154">
        <v>98835</v>
      </c>
      <c r="F20" s="154">
        <v>102625</v>
      </c>
      <c r="G20" s="154">
        <v>87024</v>
      </c>
      <c r="H20" s="154">
        <v>201351</v>
      </c>
      <c r="I20" s="154">
        <v>98758</v>
      </c>
      <c r="J20" s="154">
        <v>102593</v>
      </c>
      <c r="K20" s="162">
        <v>87051</v>
      </c>
    </row>
    <row r="21" spans="1:11" ht="9.75" customHeight="1">
      <c r="A21" s="40"/>
      <c r="B21" s="70" t="s">
        <v>94</v>
      </c>
      <c r="C21" s="42"/>
      <c r="D21" s="154">
        <v>346006</v>
      </c>
      <c r="E21" s="154">
        <v>175160</v>
      </c>
      <c r="F21" s="154">
        <v>170846</v>
      </c>
      <c r="G21" s="154">
        <v>164832</v>
      </c>
      <c r="H21" s="154">
        <v>346321</v>
      </c>
      <c r="I21" s="154">
        <v>175331</v>
      </c>
      <c r="J21" s="154">
        <v>170990</v>
      </c>
      <c r="K21" s="162">
        <v>165015</v>
      </c>
    </row>
    <row r="22" spans="1:11" ht="9.75" customHeight="1">
      <c r="A22" s="40"/>
      <c r="B22" s="70" t="s">
        <v>95</v>
      </c>
      <c r="C22" s="42"/>
      <c r="D22" s="154">
        <v>180640</v>
      </c>
      <c r="E22" s="154">
        <v>89025</v>
      </c>
      <c r="F22" s="154">
        <v>91615</v>
      </c>
      <c r="G22" s="154">
        <v>75155</v>
      </c>
      <c r="H22" s="154">
        <v>180737</v>
      </c>
      <c r="I22" s="154">
        <v>89067</v>
      </c>
      <c r="J22" s="154">
        <v>91670</v>
      </c>
      <c r="K22" s="162">
        <v>75231</v>
      </c>
    </row>
    <row r="23" spans="1:11" ht="9.75" customHeight="1">
      <c r="A23" s="40"/>
      <c r="B23" s="70" t="s">
        <v>96</v>
      </c>
      <c r="C23" s="42"/>
      <c r="D23" s="154">
        <v>310240</v>
      </c>
      <c r="E23" s="154">
        <v>151270</v>
      </c>
      <c r="F23" s="154">
        <v>158970</v>
      </c>
      <c r="G23" s="154">
        <v>126133</v>
      </c>
      <c r="H23" s="154">
        <v>310235</v>
      </c>
      <c r="I23" s="154">
        <v>151237</v>
      </c>
      <c r="J23" s="154">
        <v>158998</v>
      </c>
      <c r="K23" s="162">
        <v>126167</v>
      </c>
    </row>
    <row r="24" spans="1:11" ht="9.75" customHeight="1">
      <c r="A24" s="40"/>
      <c r="B24" s="70" t="s">
        <v>97</v>
      </c>
      <c r="C24" s="42"/>
      <c r="D24" s="154">
        <v>212506</v>
      </c>
      <c r="E24" s="154">
        <v>106272</v>
      </c>
      <c r="F24" s="154">
        <v>106234</v>
      </c>
      <c r="G24" s="154">
        <v>81265</v>
      </c>
      <c r="H24" s="154">
        <v>212426</v>
      </c>
      <c r="I24" s="154">
        <v>106247</v>
      </c>
      <c r="J24" s="154">
        <v>106179</v>
      </c>
      <c r="K24" s="162">
        <v>81312</v>
      </c>
    </row>
    <row r="25" spans="1:11" ht="9.75" customHeight="1">
      <c r="A25" s="40"/>
      <c r="B25" s="70" t="s">
        <v>98</v>
      </c>
      <c r="C25" s="42"/>
      <c r="D25" s="154">
        <v>275660</v>
      </c>
      <c r="E25" s="154">
        <v>135325</v>
      </c>
      <c r="F25" s="154">
        <v>140335</v>
      </c>
      <c r="G25" s="154">
        <v>114313</v>
      </c>
      <c r="H25" s="154">
        <v>275699</v>
      </c>
      <c r="I25" s="154">
        <v>135337</v>
      </c>
      <c r="J25" s="154">
        <v>140362</v>
      </c>
      <c r="K25" s="162">
        <v>114407</v>
      </c>
    </row>
    <row r="26" spans="1:11" ht="9.75" customHeight="1">
      <c r="A26" s="40"/>
      <c r="B26" s="70" t="s">
        <v>99</v>
      </c>
      <c r="C26" s="42"/>
      <c r="D26" s="154">
        <v>121955</v>
      </c>
      <c r="E26" s="154">
        <v>59677</v>
      </c>
      <c r="F26" s="154">
        <v>62278</v>
      </c>
      <c r="G26" s="154">
        <v>51176</v>
      </c>
      <c r="H26" s="154">
        <v>121939</v>
      </c>
      <c r="I26" s="154">
        <v>59680</v>
      </c>
      <c r="J26" s="154">
        <v>62259</v>
      </c>
      <c r="K26" s="162">
        <v>51199</v>
      </c>
    </row>
    <row r="27" spans="1:11" ht="9.75" customHeight="1">
      <c r="A27" s="40"/>
      <c r="B27" s="70" t="s">
        <v>100</v>
      </c>
      <c r="C27" s="42"/>
      <c r="D27" s="154">
        <v>153942</v>
      </c>
      <c r="E27" s="154">
        <v>75404</v>
      </c>
      <c r="F27" s="154">
        <v>78538</v>
      </c>
      <c r="G27" s="154">
        <v>61127</v>
      </c>
      <c r="H27" s="154">
        <v>153936</v>
      </c>
      <c r="I27" s="154">
        <v>75369</v>
      </c>
      <c r="J27" s="154">
        <v>78567</v>
      </c>
      <c r="K27" s="162">
        <v>61148</v>
      </c>
    </row>
    <row r="28" spans="1:11" ht="9.75" customHeight="1">
      <c r="A28" s="40"/>
      <c r="B28" s="70" t="s">
        <v>101</v>
      </c>
      <c r="C28" s="42"/>
      <c r="D28" s="154">
        <v>124421</v>
      </c>
      <c r="E28" s="154">
        <v>60813</v>
      </c>
      <c r="F28" s="154">
        <v>63608</v>
      </c>
      <c r="G28" s="154">
        <v>50708</v>
      </c>
      <c r="H28" s="154">
        <v>124299</v>
      </c>
      <c r="I28" s="154">
        <v>60723</v>
      </c>
      <c r="J28" s="154">
        <v>63576</v>
      </c>
      <c r="K28" s="162">
        <v>50666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84721</v>
      </c>
      <c r="E30" s="157">
        <v>753800</v>
      </c>
      <c r="F30" s="157">
        <v>730921</v>
      </c>
      <c r="G30" s="157">
        <v>701443</v>
      </c>
      <c r="H30" s="157">
        <v>1486491</v>
      </c>
      <c r="I30" s="157">
        <v>754580</v>
      </c>
      <c r="J30" s="157">
        <v>731911</v>
      </c>
      <c r="K30" s="163">
        <v>702701</v>
      </c>
    </row>
    <row r="31" spans="1:11" ht="9.75" customHeight="1">
      <c r="A31" s="40"/>
      <c r="B31" s="70" t="s">
        <v>103</v>
      </c>
      <c r="C31" s="42"/>
      <c r="D31" s="154">
        <v>225366</v>
      </c>
      <c r="E31" s="154">
        <v>120811</v>
      </c>
      <c r="F31" s="154">
        <v>104555</v>
      </c>
      <c r="G31" s="154">
        <v>111992</v>
      </c>
      <c r="H31" s="154">
        <v>225715</v>
      </c>
      <c r="I31" s="154">
        <v>121024</v>
      </c>
      <c r="J31" s="154">
        <v>104691</v>
      </c>
      <c r="K31" s="162">
        <v>112342</v>
      </c>
    </row>
    <row r="32" spans="1:11" ht="9.75" customHeight="1">
      <c r="A32" s="40"/>
      <c r="B32" s="70" t="s">
        <v>104</v>
      </c>
      <c r="C32" s="42"/>
      <c r="D32" s="154">
        <v>162051</v>
      </c>
      <c r="E32" s="154">
        <v>81819</v>
      </c>
      <c r="F32" s="154">
        <v>80232</v>
      </c>
      <c r="G32" s="154">
        <v>76203</v>
      </c>
      <c r="H32" s="154">
        <v>162305</v>
      </c>
      <c r="I32" s="154">
        <v>81899</v>
      </c>
      <c r="J32" s="154">
        <v>80406</v>
      </c>
      <c r="K32" s="162">
        <v>76294</v>
      </c>
    </row>
    <row r="33" spans="1:11" ht="9.75" customHeight="1">
      <c r="A33" s="40"/>
      <c r="B33" s="70" t="s">
        <v>105</v>
      </c>
      <c r="C33" s="42"/>
      <c r="D33" s="154">
        <v>249873</v>
      </c>
      <c r="E33" s="154">
        <v>128085</v>
      </c>
      <c r="F33" s="154">
        <v>121788</v>
      </c>
      <c r="G33" s="154">
        <v>125343</v>
      </c>
      <c r="H33" s="154">
        <v>250354</v>
      </c>
      <c r="I33" s="154">
        <v>128332</v>
      </c>
      <c r="J33" s="154">
        <v>122022</v>
      </c>
      <c r="K33" s="162">
        <v>125645</v>
      </c>
    </row>
    <row r="34" spans="1:11" ht="9.75" customHeight="1">
      <c r="A34" s="40"/>
      <c r="B34" s="70" t="s">
        <v>106</v>
      </c>
      <c r="C34" s="42"/>
      <c r="D34" s="154">
        <v>229221</v>
      </c>
      <c r="E34" s="154">
        <v>115432</v>
      </c>
      <c r="F34" s="154">
        <v>113789</v>
      </c>
      <c r="G34" s="154">
        <v>109142</v>
      </c>
      <c r="H34" s="154">
        <v>229373</v>
      </c>
      <c r="I34" s="154">
        <v>115486</v>
      </c>
      <c r="J34" s="154">
        <v>113887</v>
      </c>
      <c r="K34" s="162">
        <v>109192</v>
      </c>
    </row>
    <row r="35" spans="1:11" ht="9.75" customHeight="1">
      <c r="A35" s="40"/>
      <c r="B35" s="70" t="s">
        <v>107</v>
      </c>
      <c r="C35" s="42"/>
      <c r="D35" s="154">
        <v>226843</v>
      </c>
      <c r="E35" s="154">
        <v>111413</v>
      </c>
      <c r="F35" s="154">
        <v>115430</v>
      </c>
      <c r="G35" s="154">
        <v>95941</v>
      </c>
      <c r="H35" s="154">
        <v>227001</v>
      </c>
      <c r="I35" s="154">
        <v>111460</v>
      </c>
      <c r="J35" s="154">
        <v>115541</v>
      </c>
      <c r="K35" s="162">
        <v>96106</v>
      </c>
    </row>
    <row r="36" spans="1:11" ht="9.75" customHeight="1">
      <c r="A36" s="40"/>
      <c r="B36" s="70" t="s">
        <v>108</v>
      </c>
      <c r="C36" s="42"/>
      <c r="D36" s="154">
        <v>215304</v>
      </c>
      <c r="E36" s="154">
        <v>110549</v>
      </c>
      <c r="F36" s="154">
        <v>104755</v>
      </c>
      <c r="G36" s="154">
        <v>107934</v>
      </c>
      <c r="H36" s="154">
        <v>215626</v>
      </c>
      <c r="I36" s="154">
        <v>110685</v>
      </c>
      <c r="J36" s="154">
        <v>104941</v>
      </c>
      <c r="K36" s="162">
        <v>108155</v>
      </c>
    </row>
    <row r="37" spans="1:11" ht="9.75" customHeight="1">
      <c r="A37" s="40"/>
      <c r="B37" s="70" t="s">
        <v>109</v>
      </c>
      <c r="C37" s="42"/>
      <c r="D37" s="154">
        <v>176063</v>
      </c>
      <c r="E37" s="154">
        <v>85691</v>
      </c>
      <c r="F37" s="154">
        <v>90372</v>
      </c>
      <c r="G37" s="154">
        <v>74888</v>
      </c>
      <c r="H37" s="154">
        <v>176117</v>
      </c>
      <c r="I37" s="154">
        <v>85694</v>
      </c>
      <c r="J37" s="154">
        <v>90423</v>
      </c>
      <c r="K37" s="162">
        <v>74967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2073</v>
      </c>
      <c r="E39" s="157">
        <v>361557</v>
      </c>
      <c r="F39" s="157">
        <v>360516</v>
      </c>
      <c r="G39" s="157">
        <v>314352</v>
      </c>
      <c r="H39" s="157">
        <v>722040</v>
      </c>
      <c r="I39" s="157">
        <v>361533</v>
      </c>
      <c r="J39" s="157">
        <v>360507</v>
      </c>
      <c r="K39" s="163">
        <v>314618</v>
      </c>
    </row>
    <row r="40" spans="1:11" ht="9.75" customHeight="1">
      <c r="A40" s="40"/>
      <c r="B40" s="70" t="s">
        <v>95</v>
      </c>
      <c r="C40" s="42"/>
      <c r="D40" s="154">
        <v>173464</v>
      </c>
      <c r="E40" s="154">
        <v>87376</v>
      </c>
      <c r="F40" s="154">
        <v>86088</v>
      </c>
      <c r="G40" s="154">
        <v>71818</v>
      </c>
      <c r="H40" s="154">
        <v>173393</v>
      </c>
      <c r="I40" s="154">
        <v>87337</v>
      </c>
      <c r="J40" s="154">
        <v>86056</v>
      </c>
      <c r="K40" s="162">
        <v>71891</v>
      </c>
    </row>
    <row r="41" spans="1:11" ht="9.75" customHeight="1">
      <c r="A41" s="40"/>
      <c r="B41" s="70" t="s">
        <v>111</v>
      </c>
      <c r="C41" s="42"/>
      <c r="D41" s="154">
        <v>270805</v>
      </c>
      <c r="E41" s="154">
        <v>136198</v>
      </c>
      <c r="F41" s="154">
        <v>134607</v>
      </c>
      <c r="G41" s="154">
        <v>117609</v>
      </c>
      <c r="H41" s="154">
        <v>270832</v>
      </c>
      <c r="I41" s="154">
        <v>136212</v>
      </c>
      <c r="J41" s="154">
        <v>134620</v>
      </c>
      <c r="K41" s="162">
        <v>117719</v>
      </c>
    </row>
    <row r="42" spans="1:11" ht="9.75" customHeight="1">
      <c r="A42" s="40"/>
      <c r="B42" s="70" t="s">
        <v>88</v>
      </c>
      <c r="C42" s="42"/>
      <c r="D42" s="154">
        <v>277804</v>
      </c>
      <c r="E42" s="154">
        <v>137983</v>
      </c>
      <c r="F42" s="154">
        <v>139821</v>
      </c>
      <c r="G42" s="154">
        <v>124925</v>
      </c>
      <c r="H42" s="154">
        <v>277815</v>
      </c>
      <c r="I42" s="154">
        <v>137984</v>
      </c>
      <c r="J42" s="154">
        <v>139831</v>
      </c>
      <c r="K42" s="162">
        <v>125008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5747</v>
      </c>
      <c r="E44" s="154">
        <v>202881</v>
      </c>
      <c r="F44" s="154">
        <v>202866</v>
      </c>
      <c r="G44" s="154">
        <v>165953</v>
      </c>
      <c r="H44" s="154">
        <v>405540</v>
      </c>
      <c r="I44" s="154">
        <v>202762</v>
      </c>
      <c r="J44" s="154">
        <v>202778</v>
      </c>
      <c r="K44" s="162">
        <v>166029</v>
      </c>
    </row>
    <row r="45" spans="1:11" ht="9.75" customHeight="1">
      <c r="A45" s="249" t="s">
        <v>113</v>
      </c>
      <c r="B45" s="250"/>
      <c r="C45" s="42"/>
      <c r="D45" s="154">
        <v>258158</v>
      </c>
      <c r="E45" s="154">
        <v>129477</v>
      </c>
      <c r="F45" s="154">
        <v>128681</v>
      </c>
      <c r="G45" s="154">
        <v>108211</v>
      </c>
      <c r="H45" s="154">
        <v>258187</v>
      </c>
      <c r="I45" s="154">
        <v>129517</v>
      </c>
      <c r="J45" s="154">
        <v>128670</v>
      </c>
      <c r="K45" s="162">
        <v>108290</v>
      </c>
    </row>
    <row r="46" spans="1:11" ht="9.75" customHeight="1">
      <c r="A46" s="249" t="s">
        <v>114</v>
      </c>
      <c r="B46" s="250"/>
      <c r="C46" s="42"/>
      <c r="D46" s="154">
        <v>172595</v>
      </c>
      <c r="E46" s="154">
        <v>81356</v>
      </c>
      <c r="F46" s="154">
        <v>91239</v>
      </c>
      <c r="G46" s="154">
        <v>73147</v>
      </c>
      <c r="H46" s="154">
        <v>172589</v>
      </c>
      <c r="I46" s="154">
        <v>81344</v>
      </c>
      <c r="J46" s="154">
        <v>91245</v>
      </c>
      <c r="K46" s="162">
        <v>73203</v>
      </c>
    </row>
    <row r="47" spans="1:11" ht="9.75" customHeight="1">
      <c r="A47" s="249" t="s">
        <v>115</v>
      </c>
      <c r="B47" s="250"/>
      <c r="C47" s="42"/>
      <c r="D47" s="154">
        <v>425805</v>
      </c>
      <c r="E47" s="154">
        <v>210982</v>
      </c>
      <c r="F47" s="154">
        <v>214823</v>
      </c>
      <c r="G47" s="154">
        <v>182060</v>
      </c>
      <c r="H47" s="154">
        <v>425953</v>
      </c>
      <c r="I47" s="154">
        <v>211025</v>
      </c>
      <c r="J47" s="154">
        <v>214928</v>
      </c>
      <c r="K47" s="162">
        <v>182167</v>
      </c>
    </row>
    <row r="48" spans="1:11" ht="9.75" customHeight="1">
      <c r="A48" s="249" t="s">
        <v>116</v>
      </c>
      <c r="B48" s="250"/>
      <c r="C48" s="42"/>
      <c r="D48" s="154">
        <v>193598</v>
      </c>
      <c r="E48" s="154">
        <v>94364</v>
      </c>
      <c r="F48" s="154">
        <v>99234</v>
      </c>
      <c r="G48" s="154">
        <v>79646</v>
      </c>
      <c r="H48" s="154">
        <v>193473</v>
      </c>
      <c r="I48" s="154">
        <v>94269</v>
      </c>
      <c r="J48" s="154">
        <v>99204</v>
      </c>
      <c r="K48" s="162">
        <v>79661</v>
      </c>
    </row>
    <row r="49" spans="1:11" ht="9.75" customHeight="1">
      <c r="A49" s="249" t="s">
        <v>117</v>
      </c>
      <c r="B49" s="250"/>
      <c r="C49" s="42"/>
      <c r="D49" s="154">
        <v>239743</v>
      </c>
      <c r="E49" s="154">
        <v>116907</v>
      </c>
      <c r="F49" s="154">
        <v>122836</v>
      </c>
      <c r="G49" s="154">
        <v>98708</v>
      </c>
      <c r="H49" s="154">
        <v>239748</v>
      </c>
      <c r="I49" s="154">
        <v>116898</v>
      </c>
      <c r="J49" s="154">
        <v>122850</v>
      </c>
      <c r="K49" s="162">
        <v>98761</v>
      </c>
    </row>
    <row r="50" spans="1:11" ht="9.75" customHeight="1">
      <c r="A50" s="249" t="s">
        <v>118</v>
      </c>
      <c r="B50" s="250"/>
      <c r="C50" s="42"/>
      <c r="D50" s="154">
        <v>57464</v>
      </c>
      <c r="E50" s="154">
        <v>26887</v>
      </c>
      <c r="F50" s="154">
        <v>30577</v>
      </c>
      <c r="G50" s="154">
        <v>24275</v>
      </c>
      <c r="H50" s="154">
        <v>57449</v>
      </c>
      <c r="I50" s="154">
        <v>26875</v>
      </c>
      <c r="J50" s="154">
        <v>30574</v>
      </c>
      <c r="K50" s="162">
        <v>24282</v>
      </c>
    </row>
    <row r="51" spans="1:11" ht="9.75" customHeight="1">
      <c r="A51" s="249" t="s">
        <v>119</v>
      </c>
      <c r="B51" s="250"/>
      <c r="C51" s="42"/>
      <c r="D51" s="154">
        <v>44922</v>
      </c>
      <c r="E51" s="154">
        <v>21624</v>
      </c>
      <c r="F51" s="154">
        <v>23298</v>
      </c>
      <c r="G51" s="154">
        <v>17615</v>
      </c>
      <c r="H51" s="154">
        <v>44874</v>
      </c>
      <c r="I51" s="154">
        <v>21598</v>
      </c>
      <c r="J51" s="154">
        <v>23276</v>
      </c>
      <c r="K51" s="162">
        <v>17594</v>
      </c>
    </row>
    <row r="52" spans="1:11" ht="9.75" customHeight="1">
      <c r="A52" s="249" t="s">
        <v>120</v>
      </c>
      <c r="B52" s="250"/>
      <c r="C52" s="42"/>
      <c r="D52" s="154">
        <v>166898</v>
      </c>
      <c r="E52" s="154">
        <v>85302</v>
      </c>
      <c r="F52" s="154">
        <v>81596</v>
      </c>
      <c r="G52" s="154">
        <v>70137</v>
      </c>
      <c r="H52" s="154">
        <v>166879</v>
      </c>
      <c r="I52" s="154">
        <v>85290</v>
      </c>
      <c r="J52" s="154">
        <v>81589</v>
      </c>
      <c r="K52" s="162">
        <v>70222</v>
      </c>
    </row>
    <row r="53" spans="1:11" ht="9.75" customHeight="1">
      <c r="A53" s="249" t="s">
        <v>121</v>
      </c>
      <c r="B53" s="250"/>
      <c r="C53" s="42"/>
      <c r="D53" s="154">
        <v>225415</v>
      </c>
      <c r="E53" s="154">
        <v>116480</v>
      </c>
      <c r="F53" s="154">
        <v>108935</v>
      </c>
      <c r="G53" s="154">
        <v>96410</v>
      </c>
      <c r="H53" s="154">
        <v>225609</v>
      </c>
      <c r="I53" s="154">
        <v>116616</v>
      </c>
      <c r="J53" s="154">
        <v>108993</v>
      </c>
      <c r="K53" s="162">
        <v>96628</v>
      </c>
    </row>
    <row r="54" spans="1:11" ht="9.75" customHeight="1">
      <c r="A54" s="249" t="s">
        <v>122</v>
      </c>
      <c r="B54" s="250"/>
      <c r="C54" s="42"/>
      <c r="D54" s="154">
        <v>233798</v>
      </c>
      <c r="E54" s="154">
        <v>117067</v>
      </c>
      <c r="F54" s="154">
        <v>116731</v>
      </c>
      <c r="G54" s="154">
        <v>103095</v>
      </c>
      <c r="H54" s="154">
        <v>234011</v>
      </c>
      <c r="I54" s="154">
        <v>117153</v>
      </c>
      <c r="J54" s="154">
        <v>116858</v>
      </c>
      <c r="K54" s="162">
        <v>103201</v>
      </c>
    </row>
    <row r="55" spans="1:11" ht="9.75" customHeight="1">
      <c r="A55" s="249" t="s">
        <v>123</v>
      </c>
      <c r="B55" s="250"/>
      <c r="C55" s="42"/>
      <c r="D55" s="154">
        <v>101675</v>
      </c>
      <c r="E55" s="154">
        <v>51533</v>
      </c>
      <c r="F55" s="154">
        <v>50142</v>
      </c>
      <c r="G55" s="154">
        <v>43495</v>
      </c>
      <c r="H55" s="154">
        <v>101696</v>
      </c>
      <c r="I55" s="154">
        <v>51539</v>
      </c>
      <c r="J55" s="154">
        <v>50157</v>
      </c>
      <c r="K55" s="162">
        <v>43529</v>
      </c>
    </row>
    <row r="56" spans="1:11" ht="9.75" customHeight="1">
      <c r="A56" s="249" t="s">
        <v>124</v>
      </c>
      <c r="B56" s="250"/>
      <c r="C56" s="42"/>
      <c r="D56" s="154">
        <v>130592</v>
      </c>
      <c r="E56" s="154">
        <v>65720</v>
      </c>
      <c r="F56" s="154">
        <v>64872</v>
      </c>
      <c r="G56" s="154">
        <v>53947</v>
      </c>
      <c r="H56" s="154">
        <v>130604</v>
      </c>
      <c r="I56" s="154">
        <v>65734</v>
      </c>
      <c r="J56" s="154">
        <v>64870</v>
      </c>
      <c r="K56" s="162">
        <v>54018</v>
      </c>
    </row>
    <row r="57" spans="1:11" ht="9.75" customHeight="1">
      <c r="A57" s="249" t="s">
        <v>125</v>
      </c>
      <c r="B57" s="250"/>
      <c r="C57" s="42"/>
      <c r="D57" s="154">
        <v>128781</v>
      </c>
      <c r="E57" s="154">
        <v>64451</v>
      </c>
      <c r="F57" s="154">
        <v>64330</v>
      </c>
      <c r="G57" s="154">
        <v>56311</v>
      </c>
      <c r="H57" s="154">
        <v>128808</v>
      </c>
      <c r="I57" s="154">
        <v>64458</v>
      </c>
      <c r="J57" s="154">
        <v>64350</v>
      </c>
      <c r="K57" s="162">
        <v>56389</v>
      </c>
    </row>
    <row r="58" spans="1:11" ht="9.75" customHeight="1">
      <c r="A58" s="249" t="s">
        <v>126</v>
      </c>
      <c r="B58" s="250"/>
      <c r="C58" s="42"/>
      <c r="D58" s="154">
        <v>43019</v>
      </c>
      <c r="E58" s="154">
        <v>21179</v>
      </c>
      <c r="F58" s="154">
        <v>21840</v>
      </c>
      <c r="G58" s="154">
        <v>16252</v>
      </c>
      <c r="H58" s="154">
        <v>42979</v>
      </c>
      <c r="I58" s="154">
        <v>21146</v>
      </c>
      <c r="J58" s="154">
        <v>21833</v>
      </c>
      <c r="K58" s="162">
        <v>16242</v>
      </c>
    </row>
    <row r="59" spans="1:11" ht="9.75" customHeight="1">
      <c r="A59" s="249" t="s">
        <v>127</v>
      </c>
      <c r="B59" s="250"/>
      <c r="C59" s="42"/>
      <c r="D59" s="154">
        <v>84390</v>
      </c>
      <c r="E59" s="154">
        <v>42834</v>
      </c>
      <c r="F59" s="154">
        <v>41556</v>
      </c>
      <c r="G59" s="154">
        <v>33527</v>
      </c>
      <c r="H59" s="154">
        <v>84397</v>
      </c>
      <c r="I59" s="154">
        <v>42840</v>
      </c>
      <c r="J59" s="154">
        <v>41557</v>
      </c>
      <c r="K59" s="162">
        <v>33552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1">
        <v>32078</v>
      </c>
      <c r="E61" s="154">
        <v>15119</v>
      </c>
      <c r="F61" s="154">
        <v>16959</v>
      </c>
      <c r="G61" s="154">
        <v>12605</v>
      </c>
      <c r="H61" s="154">
        <v>32096</v>
      </c>
      <c r="I61" s="154">
        <v>15130</v>
      </c>
      <c r="J61" s="154">
        <v>16966</v>
      </c>
      <c r="K61" s="162">
        <v>12615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1">
        <v>48053</v>
      </c>
      <c r="E63" s="154">
        <v>24329</v>
      </c>
      <c r="F63" s="154">
        <v>23724</v>
      </c>
      <c r="G63" s="154">
        <v>18930</v>
      </c>
      <c r="H63" s="154">
        <v>48047</v>
      </c>
      <c r="I63" s="154">
        <v>24341</v>
      </c>
      <c r="J63" s="154">
        <v>23706</v>
      </c>
      <c r="K63" s="162">
        <v>18939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842</v>
      </c>
      <c r="E65" s="157">
        <v>29000</v>
      </c>
      <c r="F65" s="157">
        <v>30842</v>
      </c>
      <c r="G65" s="157">
        <v>23615</v>
      </c>
      <c r="H65" s="157">
        <v>59822</v>
      </c>
      <c r="I65" s="157">
        <v>28990</v>
      </c>
      <c r="J65" s="157">
        <v>30832</v>
      </c>
      <c r="K65" s="163">
        <v>23635</v>
      </c>
    </row>
    <row r="66" spans="1:11" ht="9.75" customHeight="1">
      <c r="A66" s="40"/>
      <c r="B66" s="70" t="s">
        <v>131</v>
      </c>
      <c r="C66" s="42"/>
      <c r="D66" s="154">
        <v>31523</v>
      </c>
      <c r="E66" s="154">
        <v>15375</v>
      </c>
      <c r="F66" s="154">
        <v>16148</v>
      </c>
      <c r="G66" s="154">
        <v>12364</v>
      </c>
      <c r="H66" s="154">
        <v>31543</v>
      </c>
      <c r="I66" s="154">
        <v>15396</v>
      </c>
      <c r="J66" s="154">
        <v>16147</v>
      </c>
      <c r="K66" s="162">
        <v>12384</v>
      </c>
    </row>
    <row r="67" spans="1:11" ht="9.75" customHeight="1">
      <c r="A67" s="40"/>
      <c r="B67" s="70" t="s">
        <v>132</v>
      </c>
      <c r="C67" s="42"/>
      <c r="D67" s="154">
        <v>28319</v>
      </c>
      <c r="E67" s="154">
        <v>13625</v>
      </c>
      <c r="F67" s="154">
        <v>14694</v>
      </c>
      <c r="G67" s="154">
        <v>11251</v>
      </c>
      <c r="H67" s="154">
        <v>28279</v>
      </c>
      <c r="I67" s="154">
        <v>13594</v>
      </c>
      <c r="J67" s="154">
        <v>14685</v>
      </c>
      <c r="K67" s="162">
        <v>11251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365</v>
      </c>
      <c r="E69" s="157">
        <v>32278</v>
      </c>
      <c r="F69" s="157">
        <v>33087</v>
      </c>
      <c r="G69" s="157">
        <v>24149</v>
      </c>
      <c r="H69" s="157">
        <v>65369</v>
      </c>
      <c r="I69" s="157">
        <v>32265</v>
      </c>
      <c r="J69" s="157">
        <v>33104</v>
      </c>
      <c r="K69" s="163">
        <v>24173</v>
      </c>
    </row>
    <row r="70" spans="1:11" ht="9.75" customHeight="1">
      <c r="A70" s="40"/>
      <c r="B70" s="70" t="s">
        <v>134</v>
      </c>
      <c r="C70" s="42"/>
      <c r="D70" s="154">
        <v>9607</v>
      </c>
      <c r="E70" s="154">
        <v>4818</v>
      </c>
      <c r="F70" s="154">
        <v>4789</v>
      </c>
      <c r="G70" s="154">
        <v>3368</v>
      </c>
      <c r="H70" s="154">
        <v>9602</v>
      </c>
      <c r="I70" s="154">
        <v>4806</v>
      </c>
      <c r="J70" s="154">
        <v>4796</v>
      </c>
      <c r="K70" s="162">
        <v>3373</v>
      </c>
    </row>
    <row r="71" spans="1:11" ht="9.75" customHeight="1">
      <c r="A71" s="40"/>
      <c r="B71" s="70" t="s">
        <v>135</v>
      </c>
      <c r="C71" s="42"/>
      <c r="D71" s="154">
        <v>16964</v>
      </c>
      <c r="E71" s="154">
        <v>8460</v>
      </c>
      <c r="F71" s="154">
        <v>8504</v>
      </c>
      <c r="G71" s="154">
        <v>6219</v>
      </c>
      <c r="H71" s="154">
        <v>16968</v>
      </c>
      <c r="I71" s="154">
        <v>8458</v>
      </c>
      <c r="J71" s="154">
        <v>8510</v>
      </c>
      <c r="K71" s="162">
        <v>6224</v>
      </c>
    </row>
    <row r="72" spans="1:11" ht="9.75" customHeight="1">
      <c r="A72" s="40"/>
      <c r="B72" s="70" t="s">
        <v>136</v>
      </c>
      <c r="C72" s="42"/>
      <c r="D72" s="154">
        <v>11071</v>
      </c>
      <c r="E72" s="154">
        <v>5458</v>
      </c>
      <c r="F72" s="154">
        <v>5613</v>
      </c>
      <c r="G72" s="154">
        <v>4406</v>
      </c>
      <c r="H72" s="154">
        <v>11059</v>
      </c>
      <c r="I72" s="154">
        <v>5454</v>
      </c>
      <c r="J72" s="154">
        <v>5605</v>
      </c>
      <c r="K72" s="162">
        <v>4399</v>
      </c>
    </row>
    <row r="73" spans="1:11" ht="9.75" customHeight="1">
      <c r="A73" s="40"/>
      <c r="B73" s="70" t="s">
        <v>137</v>
      </c>
      <c r="C73" s="42"/>
      <c r="D73" s="154">
        <v>10525</v>
      </c>
      <c r="E73" s="154">
        <v>5134</v>
      </c>
      <c r="F73" s="154">
        <v>5391</v>
      </c>
      <c r="G73" s="154">
        <v>3880</v>
      </c>
      <c r="H73" s="154">
        <v>10518</v>
      </c>
      <c r="I73" s="154">
        <v>5130</v>
      </c>
      <c r="J73" s="154">
        <v>5388</v>
      </c>
      <c r="K73" s="162">
        <v>3882</v>
      </c>
    </row>
    <row r="74" spans="1:11" ht="9.75" customHeight="1">
      <c r="A74" s="40"/>
      <c r="B74" s="70" t="s">
        <v>138</v>
      </c>
      <c r="C74" s="42"/>
      <c r="D74" s="154">
        <v>17198</v>
      </c>
      <c r="E74" s="154">
        <v>8408</v>
      </c>
      <c r="F74" s="154">
        <v>8790</v>
      </c>
      <c r="G74" s="154">
        <v>6276</v>
      </c>
      <c r="H74" s="154">
        <v>17222</v>
      </c>
      <c r="I74" s="154">
        <v>8417</v>
      </c>
      <c r="J74" s="154">
        <v>8805</v>
      </c>
      <c r="K74" s="162">
        <v>6295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674</v>
      </c>
      <c r="E76" s="157">
        <v>20422</v>
      </c>
      <c r="F76" s="157">
        <v>23252</v>
      </c>
      <c r="G76" s="157">
        <v>19983</v>
      </c>
      <c r="H76" s="157">
        <v>43644</v>
      </c>
      <c r="I76" s="157">
        <v>20418</v>
      </c>
      <c r="J76" s="157">
        <v>23226</v>
      </c>
      <c r="K76" s="163">
        <v>20003</v>
      </c>
    </row>
    <row r="77" spans="1:11" ht="9.75" customHeight="1">
      <c r="A77" s="40"/>
      <c r="B77" s="70" t="s">
        <v>140</v>
      </c>
      <c r="C77" s="42"/>
      <c r="D77" s="154">
        <v>11663</v>
      </c>
      <c r="E77" s="154">
        <v>5562</v>
      </c>
      <c r="F77" s="154">
        <v>6101</v>
      </c>
      <c r="G77" s="154">
        <v>6114</v>
      </c>
      <c r="H77" s="154">
        <v>11674</v>
      </c>
      <c r="I77" s="154">
        <v>5567</v>
      </c>
      <c r="J77" s="154">
        <v>6107</v>
      </c>
      <c r="K77" s="162">
        <v>6129</v>
      </c>
    </row>
    <row r="78" spans="1:11" ht="9.75" customHeight="1">
      <c r="A78" s="40"/>
      <c r="B78" s="70" t="s">
        <v>141</v>
      </c>
      <c r="C78" s="42"/>
      <c r="D78" s="154">
        <v>7243</v>
      </c>
      <c r="E78" s="154">
        <v>3389</v>
      </c>
      <c r="F78" s="154">
        <v>3854</v>
      </c>
      <c r="G78" s="154">
        <v>3072</v>
      </c>
      <c r="H78" s="154">
        <v>7208</v>
      </c>
      <c r="I78" s="154">
        <v>3371</v>
      </c>
      <c r="J78" s="154">
        <v>3837</v>
      </c>
      <c r="K78" s="162">
        <v>3062</v>
      </c>
    </row>
    <row r="79" spans="1:11" ht="9.75" customHeight="1">
      <c r="A79" s="40"/>
      <c r="B79" s="70" t="s">
        <v>142</v>
      </c>
      <c r="C79" s="42"/>
      <c r="D79" s="154">
        <v>24768</v>
      </c>
      <c r="E79" s="154">
        <v>11471</v>
      </c>
      <c r="F79" s="154">
        <v>13297</v>
      </c>
      <c r="G79" s="154">
        <v>10797</v>
      </c>
      <c r="H79" s="154">
        <v>24762</v>
      </c>
      <c r="I79" s="154">
        <v>11480</v>
      </c>
      <c r="J79" s="154">
        <v>13282</v>
      </c>
      <c r="K79" s="162">
        <v>10812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472</v>
      </c>
      <c r="E81" s="157">
        <v>22586</v>
      </c>
      <c r="F81" s="157">
        <v>20886</v>
      </c>
      <c r="G81" s="157">
        <v>17329</v>
      </c>
      <c r="H81" s="157">
        <v>43471</v>
      </c>
      <c r="I81" s="157">
        <v>22596</v>
      </c>
      <c r="J81" s="157">
        <v>20875</v>
      </c>
      <c r="K81" s="163">
        <v>17333</v>
      </c>
    </row>
    <row r="82" spans="1:11" ht="9.75" customHeight="1">
      <c r="A82" s="40"/>
      <c r="B82" s="70" t="s">
        <v>144</v>
      </c>
      <c r="C82" s="42"/>
      <c r="D82" s="154">
        <v>40281</v>
      </c>
      <c r="E82" s="154">
        <v>20956</v>
      </c>
      <c r="F82" s="154">
        <v>19325</v>
      </c>
      <c r="G82" s="154">
        <v>16209</v>
      </c>
      <c r="H82" s="154">
        <v>40277</v>
      </c>
      <c r="I82" s="154">
        <v>20961</v>
      </c>
      <c r="J82" s="154">
        <v>19316</v>
      </c>
      <c r="K82" s="162">
        <v>16208</v>
      </c>
    </row>
    <row r="83" spans="1:11" ht="9.75" customHeight="1">
      <c r="A83" s="40"/>
      <c r="B83" s="70" t="s">
        <v>145</v>
      </c>
      <c r="C83" s="42"/>
      <c r="D83" s="154">
        <v>3191</v>
      </c>
      <c r="E83" s="154">
        <v>1630</v>
      </c>
      <c r="F83" s="154">
        <v>1561</v>
      </c>
      <c r="G83" s="154">
        <v>1120</v>
      </c>
      <c r="H83" s="154">
        <v>3194</v>
      </c>
      <c r="I83" s="154">
        <v>1635</v>
      </c>
      <c r="J83" s="154">
        <v>1559</v>
      </c>
      <c r="K83" s="162">
        <v>1125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66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67</v>
      </c>
      <c r="E3" s="198"/>
      <c r="F3" s="198"/>
      <c r="G3" s="256"/>
      <c r="H3" s="209" t="s">
        <v>168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45832</v>
      </c>
      <c r="E6" s="20">
        <v>4566400</v>
      </c>
      <c r="F6" s="20">
        <v>4579432</v>
      </c>
      <c r="G6" s="20">
        <v>4018718</v>
      </c>
      <c r="H6" s="20">
        <v>9145026</v>
      </c>
      <c r="I6" s="20">
        <v>4565934</v>
      </c>
      <c r="J6" s="20">
        <v>4579092</v>
      </c>
      <c r="K6" s="160">
        <v>4019185</v>
      </c>
    </row>
    <row r="7" spans="1:22" s="32" customFormat="1" ht="9.75" customHeight="1">
      <c r="A7" s="253" t="s">
        <v>81</v>
      </c>
      <c r="B7" s="254"/>
      <c r="C7" s="35"/>
      <c r="D7" s="151">
        <v>8853338</v>
      </c>
      <c r="E7" s="151">
        <v>4422647</v>
      </c>
      <c r="F7" s="151">
        <v>4430691</v>
      </c>
      <c r="G7" s="151">
        <v>3901912</v>
      </c>
      <c r="H7" s="151">
        <v>8852598</v>
      </c>
      <c r="I7" s="151">
        <v>4422197</v>
      </c>
      <c r="J7" s="151">
        <v>4430401</v>
      </c>
      <c r="K7" s="161">
        <v>3902333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2494</v>
      </c>
      <c r="E8" s="151">
        <v>143753</v>
      </c>
      <c r="F8" s="151">
        <v>148741</v>
      </c>
      <c r="G8" s="151">
        <v>116806</v>
      </c>
      <c r="H8" s="151">
        <v>292428</v>
      </c>
      <c r="I8" s="151">
        <v>143737</v>
      </c>
      <c r="J8" s="151">
        <v>148691</v>
      </c>
      <c r="K8" s="161">
        <v>116852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31750</v>
      </c>
      <c r="E10" s="157">
        <v>1857919</v>
      </c>
      <c r="F10" s="157">
        <v>1873831</v>
      </c>
      <c r="G10" s="157">
        <v>1659719</v>
      </c>
      <c r="H10" s="157">
        <v>3731286</v>
      </c>
      <c r="I10" s="157">
        <v>1857556</v>
      </c>
      <c r="J10" s="157">
        <v>1873730</v>
      </c>
      <c r="K10" s="163">
        <v>1659576</v>
      </c>
    </row>
    <row r="11" spans="1:22" ht="9.75" customHeight="1">
      <c r="A11" s="40"/>
      <c r="B11" s="70" t="s">
        <v>84</v>
      </c>
      <c r="C11" s="42"/>
      <c r="D11" s="154">
        <v>287023</v>
      </c>
      <c r="E11" s="154">
        <v>148452</v>
      </c>
      <c r="F11" s="154">
        <v>138571</v>
      </c>
      <c r="G11" s="154">
        <v>134402</v>
      </c>
      <c r="H11" s="154">
        <v>287078</v>
      </c>
      <c r="I11" s="154">
        <v>148487</v>
      </c>
      <c r="J11" s="154">
        <v>138591</v>
      </c>
      <c r="K11" s="162">
        <v>134379</v>
      </c>
    </row>
    <row r="12" spans="1:22" ht="9.75" customHeight="1">
      <c r="A12" s="40"/>
      <c r="B12" s="70" t="s">
        <v>85</v>
      </c>
      <c r="C12" s="42"/>
      <c r="D12" s="154">
        <v>239994</v>
      </c>
      <c r="E12" s="154">
        <v>122269</v>
      </c>
      <c r="F12" s="154">
        <v>117725</v>
      </c>
      <c r="G12" s="154">
        <v>120774</v>
      </c>
      <c r="H12" s="154">
        <v>239761</v>
      </c>
      <c r="I12" s="154">
        <v>122098</v>
      </c>
      <c r="J12" s="154">
        <v>117663</v>
      </c>
      <c r="K12" s="162">
        <v>120618</v>
      </c>
    </row>
    <row r="13" spans="1:22" ht="9.75" customHeight="1">
      <c r="A13" s="40"/>
      <c r="B13" s="70" t="s">
        <v>86</v>
      </c>
      <c r="C13" s="42"/>
      <c r="D13" s="154">
        <v>98803</v>
      </c>
      <c r="E13" s="154">
        <v>50002</v>
      </c>
      <c r="F13" s="154">
        <v>48801</v>
      </c>
      <c r="G13" s="154">
        <v>52159</v>
      </c>
      <c r="H13" s="154">
        <v>98799</v>
      </c>
      <c r="I13" s="154">
        <v>49995</v>
      </c>
      <c r="J13" s="154">
        <v>48804</v>
      </c>
      <c r="K13" s="162">
        <v>52131</v>
      </c>
    </row>
    <row r="14" spans="1:22" ht="9.75" customHeight="1">
      <c r="A14" s="40"/>
      <c r="B14" s="70" t="s">
        <v>87</v>
      </c>
      <c r="C14" s="42"/>
      <c r="D14" s="154">
        <v>148739</v>
      </c>
      <c r="E14" s="154">
        <v>78139</v>
      </c>
      <c r="F14" s="154">
        <v>70600</v>
      </c>
      <c r="G14" s="154">
        <v>79354</v>
      </c>
      <c r="H14" s="154">
        <v>148803</v>
      </c>
      <c r="I14" s="154">
        <v>78193</v>
      </c>
      <c r="J14" s="154">
        <v>70610</v>
      </c>
      <c r="K14" s="162">
        <v>79403</v>
      </c>
    </row>
    <row r="15" spans="1:22" ht="9.75" customHeight="1">
      <c r="A15" s="40"/>
      <c r="B15" s="70" t="s">
        <v>88</v>
      </c>
      <c r="C15" s="42"/>
      <c r="D15" s="154">
        <v>194835</v>
      </c>
      <c r="E15" s="154">
        <v>96980</v>
      </c>
      <c r="F15" s="154">
        <v>97855</v>
      </c>
      <c r="G15" s="154">
        <v>96261</v>
      </c>
      <c r="H15" s="154">
        <v>194921</v>
      </c>
      <c r="I15" s="154">
        <v>96996</v>
      </c>
      <c r="J15" s="154">
        <v>97925</v>
      </c>
      <c r="K15" s="162">
        <v>96263</v>
      </c>
    </row>
    <row r="16" spans="1:22" ht="9.75" customHeight="1">
      <c r="A16" s="40"/>
      <c r="B16" s="70" t="s">
        <v>89</v>
      </c>
      <c r="C16" s="42"/>
      <c r="D16" s="154">
        <v>215036</v>
      </c>
      <c r="E16" s="154">
        <v>105626</v>
      </c>
      <c r="F16" s="154">
        <v>109410</v>
      </c>
      <c r="G16" s="154">
        <v>91516</v>
      </c>
      <c r="H16" s="154">
        <v>214991</v>
      </c>
      <c r="I16" s="154">
        <v>105602</v>
      </c>
      <c r="J16" s="154">
        <v>109389</v>
      </c>
      <c r="K16" s="162">
        <v>91531</v>
      </c>
    </row>
    <row r="17" spans="1:11" ht="9.75" customHeight="1">
      <c r="A17" s="40"/>
      <c r="B17" s="70" t="s">
        <v>90</v>
      </c>
      <c r="C17" s="42"/>
      <c r="D17" s="154">
        <v>206344</v>
      </c>
      <c r="E17" s="154">
        <v>102713</v>
      </c>
      <c r="F17" s="154">
        <v>103631</v>
      </c>
      <c r="G17" s="154">
        <v>93751</v>
      </c>
      <c r="H17" s="154">
        <v>206383</v>
      </c>
      <c r="I17" s="154">
        <v>102709</v>
      </c>
      <c r="J17" s="154">
        <v>103674</v>
      </c>
      <c r="K17" s="162">
        <v>93778</v>
      </c>
    </row>
    <row r="18" spans="1:11" ht="9.75" customHeight="1">
      <c r="A18" s="40"/>
      <c r="B18" s="70" t="s">
        <v>91</v>
      </c>
      <c r="C18" s="42"/>
      <c r="D18" s="154">
        <v>246937</v>
      </c>
      <c r="E18" s="154">
        <v>119984</v>
      </c>
      <c r="F18" s="154">
        <v>126953</v>
      </c>
      <c r="G18" s="154">
        <v>103454</v>
      </c>
      <c r="H18" s="154">
        <v>246982</v>
      </c>
      <c r="I18" s="154">
        <v>120004</v>
      </c>
      <c r="J18" s="154">
        <v>126978</v>
      </c>
      <c r="K18" s="162">
        <v>103524</v>
      </c>
    </row>
    <row r="19" spans="1:11" ht="9.75" customHeight="1">
      <c r="A19" s="40"/>
      <c r="B19" s="70" t="s">
        <v>92</v>
      </c>
      <c r="C19" s="42"/>
      <c r="D19" s="154">
        <v>166755</v>
      </c>
      <c r="E19" s="154">
        <v>82139</v>
      </c>
      <c r="F19" s="154">
        <v>84616</v>
      </c>
      <c r="G19" s="154">
        <v>75334</v>
      </c>
      <c r="H19" s="154">
        <v>166790</v>
      </c>
      <c r="I19" s="154">
        <v>82146</v>
      </c>
      <c r="J19" s="154">
        <v>84644</v>
      </c>
      <c r="K19" s="162">
        <v>75387</v>
      </c>
    </row>
    <row r="20" spans="1:11" ht="9.75" customHeight="1">
      <c r="A20" s="40"/>
      <c r="B20" s="70" t="s">
        <v>93</v>
      </c>
      <c r="C20" s="42"/>
      <c r="D20" s="154">
        <v>201576</v>
      </c>
      <c r="E20" s="154">
        <v>98763</v>
      </c>
      <c r="F20" s="154">
        <v>102813</v>
      </c>
      <c r="G20" s="154">
        <v>87388</v>
      </c>
      <c r="H20" s="154">
        <v>201543</v>
      </c>
      <c r="I20" s="154">
        <v>98740</v>
      </c>
      <c r="J20" s="154">
        <v>102803</v>
      </c>
      <c r="K20" s="162">
        <v>87390</v>
      </c>
    </row>
    <row r="21" spans="1:11" ht="9.75" customHeight="1">
      <c r="A21" s="40"/>
      <c r="B21" s="70" t="s">
        <v>94</v>
      </c>
      <c r="C21" s="42"/>
      <c r="D21" s="154">
        <v>346381</v>
      </c>
      <c r="E21" s="154">
        <v>175336</v>
      </c>
      <c r="F21" s="154">
        <v>171045</v>
      </c>
      <c r="G21" s="154">
        <v>164946</v>
      </c>
      <c r="H21" s="154">
        <v>346174</v>
      </c>
      <c r="I21" s="154">
        <v>175249</v>
      </c>
      <c r="J21" s="154">
        <v>170925</v>
      </c>
      <c r="K21" s="162">
        <v>164780</v>
      </c>
    </row>
    <row r="22" spans="1:11" ht="9.75" customHeight="1">
      <c r="A22" s="40"/>
      <c r="B22" s="70" t="s">
        <v>95</v>
      </c>
      <c r="C22" s="42"/>
      <c r="D22" s="154">
        <v>180937</v>
      </c>
      <c r="E22" s="154">
        <v>89164</v>
      </c>
      <c r="F22" s="154">
        <v>91773</v>
      </c>
      <c r="G22" s="154">
        <v>75361</v>
      </c>
      <c r="H22" s="154">
        <v>181034</v>
      </c>
      <c r="I22" s="154">
        <v>89220</v>
      </c>
      <c r="J22" s="154">
        <v>91814</v>
      </c>
      <c r="K22" s="162">
        <v>75397</v>
      </c>
    </row>
    <row r="23" spans="1:11" ht="9.75" customHeight="1">
      <c r="A23" s="40"/>
      <c r="B23" s="70" t="s">
        <v>96</v>
      </c>
      <c r="C23" s="42"/>
      <c r="D23" s="154">
        <v>310230</v>
      </c>
      <c r="E23" s="154">
        <v>151226</v>
      </c>
      <c r="F23" s="154">
        <v>159004</v>
      </c>
      <c r="G23" s="154">
        <v>126200</v>
      </c>
      <c r="H23" s="154">
        <v>310268</v>
      </c>
      <c r="I23" s="154">
        <v>151233</v>
      </c>
      <c r="J23" s="154">
        <v>159035</v>
      </c>
      <c r="K23" s="162">
        <v>126271</v>
      </c>
    </row>
    <row r="24" spans="1:11" ht="9.75" customHeight="1">
      <c r="A24" s="40"/>
      <c r="B24" s="70" t="s">
        <v>97</v>
      </c>
      <c r="C24" s="42"/>
      <c r="D24" s="154">
        <v>212426</v>
      </c>
      <c r="E24" s="154">
        <v>106208</v>
      </c>
      <c r="F24" s="154">
        <v>106218</v>
      </c>
      <c r="G24" s="154">
        <v>81332</v>
      </c>
      <c r="H24" s="154">
        <v>212196</v>
      </c>
      <c r="I24" s="154">
        <v>106097</v>
      </c>
      <c r="J24" s="154">
        <v>106099</v>
      </c>
      <c r="K24" s="162">
        <v>81293</v>
      </c>
    </row>
    <row r="25" spans="1:11" ht="9.75" customHeight="1">
      <c r="A25" s="40"/>
      <c r="B25" s="70" t="s">
        <v>98</v>
      </c>
      <c r="C25" s="42"/>
      <c r="D25" s="154">
        <v>275687</v>
      </c>
      <c r="E25" s="154">
        <v>135271</v>
      </c>
      <c r="F25" s="154">
        <v>140416</v>
      </c>
      <c r="G25" s="154">
        <v>114460</v>
      </c>
      <c r="H25" s="154">
        <v>275647</v>
      </c>
      <c r="I25" s="154">
        <v>135244</v>
      </c>
      <c r="J25" s="154">
        <v>140403</v>
      </c>
      <c r="K25" s="162">
        <v>114439</v>
      </c>
    </row>
    <row r="26" spans="1:11" ht="9.75" customHeight="1">
      <c r="A26" s="40"/>
      <c r="B26" s="70" t="s">
        <v>99</v>
      </c>
      <c r="C26" s="42"/>
      <c r="D26" s="154">
        <v>121890</v>
      </c>
      <c r="E26" s="154">
        <v>59649</v>
      </c>
      <c r="F26" s="154">
        <v>62241</v>
      </c>
      <c r="G26" s="154">
        <v>51190</v>
      </c>
      <c r="H26" s="154">
        <v>121735</v>
      </c>
      <c r="I26" s="154">
        <v>59528</v>
      </c>
      <c r="J26" s="154">
        <v>62207</v>
      </c>
      <c r="K26" s="162">
        <v>51122</v>
      </c>
    </row>
    <row r="27" spans="1:11" ht="9.75" customHeight="1">
      <c r="A27" s="40"/>
      <c r="B27" s="70" t="s">
        <v>100</v>
      </c>
      <c r="C27" s="42"/>
      <c r="D27" s="154">
        <v>153954</v>
      </c>
      <c r="E27" s="154">
        <v>75336</v>
      </c>
      <c r="F27" s="154">
        <v>78618</v>
      </c>
      <c r="G27" s="154">
        <v>61180</v>
      </c>
      <c r="H27" s="154">
        <v>153968</v>
      </c>
      <c r="I27" s="154">
        <v>75331</v>
      </c>
      <c r="J27" s="154">
        <v>78637</v>
      </c>
      <c r="K27" s="162">
        <v>61197</v>
      </c>
    </row>
    <row r="28" spans="1:11" ht="9.75" customHeight="1">
      <c r="A28" s="40"/>
      <c r="B28" s="70" t="s">
        <v>101</v>
      </c>
      <c r="C28" s="42"/>
      <c r="D28" s="154">
        <v>124203</v>
      </c>
      <c r="E28" s="154">
        <v>60662</v>
      </c>
      <c r="F28" s="154">
        <v>63541</v>
      </c>
      <c r="G28" s="154">
        <v>50657</v>
      </c>
      <c r="H28" s="154">
        <v>124213</v>
      </c>
      <c r="I28" s="154">
        <v>60684</v>
      </c>
      <c r="J28" s="154">
        <v>63529</v>
      </c>
      <c r="K28" s="162">
        <v>50673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87496</v>
      </c>
      <c r="E30" s="157">
        <v>754943</v>
      </c>
      <c r="F30" s="157">
        <v>732553</v>
      </c>
      <c r="G30" s="157">
        <v>703166</v>
      </c>
      <c r="H30" s="157">
        <v>1488172</v>
      </c>
      <c r="I30" s="157">
        <v>755300</v>
      </c>
      <c r="J30" s="157">
        <v>732872</v>
      </c>
      <c r="K30" s="163">
        <v>703383</v>
      </c>
    </row>
    <row r="31" spans="1:11" ht="9.75" customHeight="1">
      <c r="A31" s="40"/>
      <c r="B31" s="70" t="s">
        <v>103</v>
      </c>
      <c r="C31" s="42"/>
      <c r="D31" s="154">
        <v>225976</v>
      </c>
      <c r="E31" s="154">
        <v>121116</v>
      </c>
      <c r="F31" s="154">
        <v>104860</v>
      </c>
      <c r="G31" s="154">
        <v>112519</v>
      </c>
      <c r="H31" s="154">
        <v>226403</v>
      </c>
      <c r="I31" s="154">
        <v>121348</v>
      </c>
      <c r="J31" s="154">
        <v>105055</v>
      </c>
      <c r="K31" s="162">
        <v>112769</v>
      </c>
    </row>
    <row r="32" spans="1:11" ht="9.75" customHeight="1">
      <c r="A32" s="40"/>
      <c r="B32" s="70" t="s">
        <v>104</v>
      </c>
      <c r="C32" s="42"/>
      <c r="D32" s="154">
        <v>162449</v>
      </c>
      <c r="E32" s="154">
        <v>81959</v>
      </c>
      <c r="F32" s="154">
        <v>80490</v>
      </c>
      <c r="G32" s="154">
        <v>76344</v>
      </c>
      <c r="H32" s="154">
        <v>162431</v>
      </c>
      <c r="I32" s="154">
        <v>81971</v>
      </c>
      <c r="J32" s="154">
        <v>80460</v>
      </c>
      <c r="K32" s="162">
        <v>76342</v>
      </c>
    </row>
    <row r="33" spans="1:11" ht="9.75" customHeight="1">
      <c r="A33" s="40"/>
      <c r="B33" s="70" t="s">
        <v>105</v>
      </c>
      <c r="C33" s="42"/>
      <c r="D33" s="154">
        <v>250636</v>
      </c>
      <c r="E33" s="154">
        <v>128471</v>
      </c>
      <c r="F33" s="154">
        <v>122165</v>
      </c>
      <c r="G33" s="154">
        <v>125779</v>
      </c>
      <c r="H33" s="154">
        <v>250858</v>
      </c>
      <c r="I33" s="154">
        <v>128535</v>
      </c>
      <c r="J33" s="154">
        <v>122323</v>
      </c>
      <c r="K33" s="162">
        <v>125793</v>
      </c>
    </row>
    <row r="34" spans="1:11" ht="9.75" customHeight="1">
      <c r="A34" s="40"/>
      <c r="B34" s="70" t="s">
        <v>106</v>
      </c>
      <c r="C34" s="42"/>
      <c r="D34" s="154">
        <v>229463</v>
      </c>
      <c r="E34" s="154">
        <v>115482</v>
      </c>
      <c r="F34" s="154">
        <v>113981</v>
      </c>
      <c r="G34" s="154">
        <v>109157</v>
      </c>
      <c r="H34" s="154">
        <v>229581</v>
      </c>
      <c r="I34" s="154">
        <v>115600</v>
      </c>
      <c r="J34" s="154">
        <v>113981</v>
      </c>
      <c r="K34" s="162">
        <v>109187</v>
      </c>
    </row>
    <row r="35" spans="1:11" ht="9.75" customHeight="1">
      <c r="A35" s="40"/>
      <c r="B35" s="70" t="s">
        <v>107</v>
      </c>
      <c r="C35" s="42"/>
      <c r="D35" s="154">
        <v>227115</v>
      </c>
      <c r="E35" s="154">
        <v>111487</v>
      </c>
      <c r="F35" s="154">
        <v>115628</v>
      </c>
      <c r="G35" s="154">
        <v>96160</v>
      </c>
      <c r="H35" s="154">
        <v>227005</v>
      </c>
      <c r="I35" s="154">
        <v>111409</v>
      </c>
      <c r="J35" s="154">
        <v>115596</v>
      </c>
      <c r="K35" s="162">
        <v>96102</v>
      </c>
    </row>
    <row r="36" spans="1:11" ht="9.75" customHeight="1">
      <c r="A36" s="40"/>
      <c r="B36" s="70" t="s">
        <v>108</v>
      </c>
      <c r="C36" s="42"/>
      <c r="D36" s="154">
        <v>215648</v>
      </c>
      <c r="E36" s="154">
        <v>110665</v>
      </c>
      <c r="F36" s="154">
        <v>104983</v>
      </c>
      <c r="G36" s="154">
        <v>108179</v>
      </c>
      <c r="H36" s="154">
        <v>215607</v>
      </c>
      <c r="I36" s="154">
        <v>110642</v>
      </c>
      <c r="J36" s="154">
        <v>104965</v>
      </c>
      <c r="K36" s="162">
        <v>108138</v>
      </c>
    </row>
    <row r="37" spans="1:11" ht="9.75" customHeight="1">
      <c r="A37" s="40"/>
      <c r="B37" s="70" t="s">
        <v>109</v>
      </c>
      <c r="C37" s="42"/>
      <c r="D37" s="154">
        <v>176209</v>
      </c>
      <c r="E37" s="154">
        <v>85763</v>
      </c>
      <c r="F37" s="154">
        <v>90446</v>
      </c>
      <c r="G37" s="154">
        <v>75028</v>
      </c>
      <c r="H37" s="154">
        <v>176287</v>
      </c>
      <c r="I37" s="154">
        <v>85795</v>
      </c>
      <c r="J37" s="154">
        <v>90492</v>
      </c>
      <c r="K37" s="162">
        <v>75052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1889</v>
      </c>
      <c r="E39" s="157">
        <v>361425</v>
      </c>
      <c r="F39" s="157">
        <v>360464</v>
      </c>
      <c r="G39" s="157">
        <v>314728</v>
      </c>
      <c r="H39" s="157">
        <v>721689</v>
      </c>
      <c r="I39" s="157">
        <v>361343</v>
      </c>
      <c r="J39" s="157">
        <v>360346</v>
      </c>
      <c r="K39" s="163">
        <v>314691</v>
      </c>
    </row>
    <row r="40" spans="1:11" ht="9.75" customHeight="1">
      <c r="A40" s="40"/>
      <c r="B40" s="70" t="s">
        <v>95</v>
      </c>
      <c r="C40" s="42"/>
      <c r="D40" s="154">
        <v>173386</v>
      </c>
      <c r="E40" s="154">
        <v>87306</v>
      </c>
      <c r="F40" s="154">
        <v>86080</v>
      </c>
      <c r="G40" s="154">
        <v>71941</v>
      </c>
      <c r="H40" s="154">
        <v>173314</v>
      </c>
      <c r="I40" s="154">
        <v>87261</v>
      </c>
      <c r="J40" s="154">
        <v>86053</v>
      </c>
      <c r="K40" s="162">
        <v>71946</v>
      </c>
    </row>
    <row r="41" spans="1:11" ht="9.75" customHeight="1">
      <c r="A41" s="40"/>
      <c r="B41" s="70" t="s">
        <v>111</v>
      </c>
      <c r="C41" s="42"/>
      <c r="D41" s="154">
        <v>270769</v>
      </c>
      <c r="E41" s="154">
        <v>136150</v>
      </c>
      <c r="F41" s="154">
        <v>134619</v>
      </c>
      <c r="G41" s="154">
        <v>117725</v>
      </c>
      <c r="H41" s="154">
        <v>270624</v>
      </c>
      <c r="I41" s="154">
        <v>136100</v>
      </c>
      <c r="J41" s="154">
        <v>134524</v>
      </c>
      <c r="K41" s="162">
        <v>117673</v>
      </c>
    </row>
    <row r="42" spans="1:11" ht="9.75" customHeight="1">
      <c r="A42" s="40"/>
      <c r="B42" s="70" t="s">
        <v>88</v>
      </c>
      <c r="C42" s="42"/>
      <c r="D42" s="154">
        <v>277734</v>
      </c>
      <c r="E42" s="154">
        <v>137969</v>
      </c>
      <c r="F42" s="154">
        <v>139765</v>
      </c>
      <c r="G42" s="154">
        <v>125062</v>
      </c>
      <c r="H42" s="154">
        <v>277751</v>
      </c>
      <c r="I42" s="154">
        <v>137982</v>
      </c>
      <c r="J42" s="154">
        <v>139769</v>
      </c>
      <c r="K42" s="162">
        <v>125072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4830</v>
      </c>
      <c r="E44" s="154">
        <v>202143</v>
      </c>
      <c r="F44" s="154">
        <v>202687</v>
      </c>
      <c r="G44" s="154">
        <v>166028</v>
      </c>
      <c r="H44" s="154">
        <v>404266</v>
      </c>
      <c r="I44" s="154">
        <v>201742</v>
      </c>
      <c r="J44" s="154">
        <v>202524</v>
      </c>
      <c r="K44" s="162">
        <v>166033</v>
      </c>
    </row>
    <row r="45" spans="1:11" ht="9.75" customHeight="1">
      <c r="A45" s="249" t="s">
        <v>113</v>
      </c>
      <c r="B45" s="250"/>
      <c r="C45" s="42"/>
      <c r="D45" s="154">
        <v>258195</v>
      </c>
      <c r="E45" s="154">
        <v>129529</v>
      </c>
      <c r="F45" s="154">
        <v>128666</v>
      </c>
      <c r="G45" s="154">
        <v>108359</v>
      </c>
      <c r="H45" s="154">
        <v>258147</v>
      </c>
      <c r="I45" s="154">
        <v>129525</v>
      </c>
      <c r="J45" s="154">
        <v>128622</v>
      </c>
      <c r="K45" s="162">
        <v>108333</v>
      </c>
    </row>
    <row r="46" spans="1:11" ht="9.75" customHeight="1">
      <c r="A46" s="249" t="s">
        <v>114</v>
      </c>
      <c r="B46" s="250"/>
      <c r="C46" s="42"/>
      <c r="D46" s="154">
        <v>172517</v>
      </c>
      <c r="E46" s="154">
        <v>81306</v>
      </c>
      <c r="F46" s="154">
        <v>91211</v>
      </c>
      <c r="G46" s="154">
        <v>73197</v>
      </c>
      <c r="H46" s="154">
        <v>172433</v>
      </c>
      <c r="I46" s="154">
        <v>81266</v>
      </c>
      <c r="J46" s="154">
        <v>91167</v>
      </c>
      <c r="K46" s="162">
        <v>73156</v>
      </c>
    </row>
    <row r="47" spans="1:11" ht="9.75" customHeight="1">
      <c r="A47" s="249" t="s">
        <v>115</v>
      </c>
      <c r="B47" s="250"/>
      <c r="C47" s="42"/>
      <c r="D47" s="154">
        <v>426193</v>
      </c>
      <c r="E47" s="154">
        <v>211116</v>
      </c>
      <c r="F47" s="154">
        <v>215077</v>
      </c>
      <c r="G47" s="154">
        <v>182307</v>
      </c>
      <c r="H47" s="154">
        <v>426273</v>
      </c>
      <c r="I47" s="154">
        <v>211176</v>
      </c>
      <c r="J47" s="154">
        <v>215097</v>
      </c>
      <c r="K47" s="162">
        <v>182402</v>
      </c>
    </row>
    <row r="48" spans="1:11" ht="9.75" customHeight="1">
      <c r="A48" s="249" t="s">
        <v>116</v>
      </c>
      <c r="B48" s="250"/>
      <c r="C48" s="42"/>
      <c r="D48" s="154">
        <v>193430</v>
      </c>
      <c r="E48" s="154">
        <v>94256</v>
      </c>
      <c r="F48" s="154">
        <v>99174</v>
      </c>
      <c r="G48" s="154">
        <v>79700</v>
      </c>
      <c r="H48" s="154">
        <v>193366</v>
      </c>
      <c r="I48" s="154">
        <v>94234</v>
      </c>
      <c r="J48" s="154">
        <v>99132</v>
      </c>
      <c r="K48" s="162">
        <v>79749</v>
      </c>
    </row>
    <row r="49" spans="1:11" ht="9.75" customHeight="1">
      <c r="A49" s="249" t="s">
        <v>117</v>
      </c>
      <c r="B49" s="250"/>
      <c r="C49" s="42"/>
      <c r="D49" s="154">
        <v>239798</v>
      </c>
      <c r="E49" s="154">
        <v>116891</v>
      </c>
      <c r="F49" s="154">
        <v>122907</v>
      </c>
      <c r="G49" s="154">
        <v>98835</v>
      </c>
      <c r="H49" s="154">
        <v>239903</v>
      </c>
      <c r="I49" s="154">
        <v>116964</v>
      </c>
      <c r="J49" s="154">
        <v>122939</v>
      </c>
      <c r="K49" s="162">
        <v>98948</v>
      </c>
    </row>
    <row r="50" spans="1:11" ht="9.75" customHeight="1">
      <c r="A50" s="249" t="s">
        <v>118</v>
      </c>
      <c r="B50" s="250"/>
      <c r="C50" s="42"/>
      <c r="D50" s="154">
        <v>57462</v>
      </c>
      <c r="E50" s="154">
        <v>26888</v>
      </c>
      <c r="F50" s="154">
        <v>30574</v>
      </c>
      <c r="G50" s="154">
        <v>24309</v>
      </c>
      <c r="H50" s="154">
        <v>57500</v>
      </c>
      <c r="I50" s="154">
        <v>26907</v>
      </c>
      <c r="J50" s="154">
        <v>30593</v>
      </c>
      <c r="K50" s="162">
        <v>24344</v>
      </c>
    </row>
    <row r="51" spans="1:11" ht="9.75" customHeight="1">
      <c r="A51" s="249" t="s">
        <v>119</v>
      </c>
      <c r="B51" s="250"/>
      <c r="C51" s="42"/>
      <c r="D51" s="154">
        <v>44820</v>
      </c>
      <c r="E51" s="154">
        <v>21567</v>
      </c>
      <c r="F51" s="154">
        <v>23253</v>
      </c>
      <c r="G51" s="154">
        <v>17575</v>
      </c>
      <c r="H51" s="154">
        <v>44790</v>
      </c>
      <c r="I51" s="154">
        <v>21563</v>
      </c>
      <c r="J51" s="154">
        <v>23227</v>
      </c>
      <c r="K51" s="162">
        <v>17572</v>
      </c>
    </row>
    <row r="52" spans="1:11" ht="9.75" customHeight="1">
      <c r="A52" s="249" t="s">
        <v>120</v>
      </c>
      <c r="B52" s="250"/>
      <c r="C52" s="42"/>
      <c r="D52" s="154">
        <v>166796</v>
      </c>
      <c r="E52" s="154">
        <v>85235</v>
      </c>
      <c r="F52" s="154">
        <v>81561</v>
      </c>
      <c r="G52" s="154">
        <v>70221</v>
      </c>
      <c r="H52" s="154">
        <v>166739</v>
      </c>
      <c r="I52" s="154">
        <v>85228</v>
      </c>
      <c r="J52" s="154">
        <v>81511</v>
      </c>
      <c r="K52" s="162">
        <v>70252</v>
      </c>
    </row>
    <row r="53" spans="1:11" ht="9.75" customHeight="1">
      <c r="A53" s="249" t="s">
        <v>121</v>
      </c>
      <c r="B53" s="250"/>
      <c r="C53" s="42"/>
      <c r="D53" s="154">
        <v>225630</v>
      </c>
      <c r="E53" s="154">
        <v>116601</v>
      </c>
      <c r="F53" s="154">
        <v>109029</v>
      </c>
      <c r="G53" s="154">
        <v>96676</v>
      </c>
      <c r="H53" s="154">
        <v>225650</v>
      </c>
      <c r="I53" s="154">
        <v>116617</v>
      </c>
      <c r="J53" s="154">
        <v>109033</v>
      </c>
      <c r="K53" s="162">
        <v>96748</v>
      </c>
    </row>
    <row r="54" spans="1:11" ht="9.75" customHeight="1">
      <c r="A54" s="249" t="s">
        <v>122</v>
      </c>
      <c r="B54" s="250"/>
      <c r="C54" s="42"/>
      <c r="D54" s="154">
        <v>234015</v>
      </c>
      <c r="E54" s="154">
        <v>117118</v>
      </c>
      <c r="F54" s="154">
        <v>116897</v>
      </c>
      <c r="G54" s="154">
        <v>103258</v>
      </c>
      <c r="H54" s="154">
        <v>233977</v>
      </c>
      <c r="I54" s="154">
        <v>117112</v>
      </c>
      <c r="J54" s="154">
        <v>116865</v>
      </c>
      <c r="K54" s="162">
        <v>103234</v>
      </c>
    </row>
    <row r="55" spans="1:11" ht="9.75" customHeight="1">
      <c r="A55" s="249" t="s">
        <v>123</v>
      </c>
      <c r="B55" s="250"/>
      <c r="C55" s="42"/>
      <c r="D55" s="154">
        <v>101648</v>
      </c>
      <c r="E55" s="154">
        <v>51509</v>
      </c>
      <c r="F55" s="154">
        <v>50139</v>
      </c>
      <c r="G55" s="154">
        <v>43494</v>
      </c>
      <c r="H55" s="154">
        <v>101691</v>
      </c>
      <c r="I55" s="154">
        <v>51530</v>
      </c>
      <c r="J55" s="154">
        <v>50161</v>
      </c>
      <c r="K55" s="162">
        <v>43508</v>
      </c>
    </row>
    <row r="56" spans="1:11" ht="9.75" customHeight="1">
      <c r="A56" s="249" t="s">
        <v>124</v>
      </c>
      <c r="B56" s="250"/>
      <c r="C56" s="42"/>
      <c r="D56" s="154">
        <v>130602</v>
      </c>
      <c r="E56" s="154">
        <v>65711</v>
      </c>
      <c r="F56" s="154">
        <v>64891</v>
      </c>
      <c r="G56" s="154">
        <v>54019</v>
      </c>
      <c r="H56" s="154">
        <v>130550</v>
      </c>
      <c r="I56" s="154">
        <v>65686</v>
      </c>
      <c r="J56" s="154">
        <v>64864</v>
      </c>
      <c r="K56" s="162">
        <v>54043</v>
      </c>
    </row>
    <row r="57" spans="1:11" ht="9.75" customHeight="1">
      <c r="A57" s="249" t="s">
        <v>125</v>
      </c>
      <c r="B57" s="250"/>
      <c r="C57" s="42"/>
      <c r="D57" s="154">
        <v>128840</v>
      </c>
      <c r="E57" s="154">
        <v>64464</v>
      </c>
      <c r="F57" s="154">
        <v>64376</v>
      </c>
      <c r="G57" s="154">
        <v>56445</v>
      </c>
      <c r="H57" s="154">
        <v>128782</v>
      </c>
      <c r="I57" s="154">
        <v>64440</v>
      </c>
      <c r="J57" s="154">
        <v>64342</v>
      </c>
      <c r="K57" s="162">
        <v>56466</v>
      </c>
    </row>
    <row r="58" spans="1:11" ht="9.75" customHeight="1">
      <c r="A58" s="249" t="s">
        <v>126</v>
      </c>
      <c r="B58" s="250"/>
      <c r="C58" s="42"/>
      <c r="D58" s="154">
        <v>42967</v>
      </c>
      <c r="E58" s="154">
        <v>21145</v>
      </c>
      <c r="F58" s="154">
        <v>21822</v>
      </c>
      <c r="G58" s="154">
        <v>16257</v>
      </c>
      <c r="H58" s="154">
        <v>42955</v>
      </c>
      <c r="I58" s="154">
        <v>21140</v>
      </c>
      <c r="J58" s="154">
        <v>21815</v>
      </c>
      <c r="K58" s="162">
        <v>16266</v>
      </c>
    </row>
    <row r="59" spans="1:11" ht="9.75" customHeight="1">
      <c r="A59" s="249" t="s">
        <v>127</v>
      </c>
      <c r="B59" s="250"/>
      <c r="C59" s="42"/>
      <c r="D59" s="154">
        <v>84460</v>
      </c>
      <c r="E59" s="154">
        <v>42881</v>
      </c>
      <c r="F59" s="154">
        <v>41579</v>
      </c>
      <c r="G59" s="154">
        <v>33619</v>
      </c>
      <c r="H59" s="154">
        <v>84429</v>
      </c>
      <c r="I59" s="154">
        <v>42868</v>
      </c>
      <c r="J59" s="154">
        <v>41561</v>
      </c>
      <c r="K59" s="162">
        <v>33629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4">
        <v>32107</v>
      </c>
      <c r="E61" s="154">
        <v>15141</v>
      </c>
      <c r="F61" s="154">
        <v>16966</v>
      </c>
      <c r="G61" s="154">
        <v>12611</v>
      </c>
      <c r="H61" s="154">
        <v>32095</v>
      </c>
      <c r="I61" s="154">
        <v>15141</v>
      </c>
      <c r="J61" s="154">
        <v>16954</v>
      </c>
      <c r="K61" s="162">
        <v>12615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4">
        <v>48090</v>
      </c>
      <c r="E63" s="154">
        <v>24363</v>
      </c>
      <c r="F63" s="154">
        <v>23727</v>
      </c>
      <c r="G63" s="154">
        <v>18970</v>
      </c>
      <c r="H63" s="154">
        <v>48104</v>
      </c>
      <c r="I63" s="154">
        <v>24385</v>
      </c>
      <c r="J63" s="154">
        <v>23719</v>
      </c>
      <c r="K63" s="162">
        <v>18997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815</v>
      </c>
      <c r="E65" s="157">
        <v>28966</v>
      </c>
      <c r="F65" s="157">
        <v>30849</v>
      </c>
      <c r="G65" s="157">
        <v>23655</v>
      </c>
      <c r="H65" s="157">
        <v>59779</v>
      </c>
      <c r="I65" s="157">
        <v>28956</v>
      </c>
      <c r="J65" s="157">
        <v>30823</v>
      </c>
      <c r="K65" s="163">
        <v>23651</v>
      </c>
    </row>
    <row r="66" spans="1:11" ht="9.75" customHeight="1">
      <c r="A66" s="40"/>
      <c r="B66" s="70" t="s">
        <v>131</v>
      </c>
      <c r="C66" s="42"/>
      <c r="D66" s="154">
        <v>31522</v>
      </c>
      <c r="E66" s="154">
        <v>15375</v>
      </c>
      <c r="F66" s="154">
        <v>16147</v>
      </c>
      <c r="G66" s="154">
        <v>12385</v>
      </c>
      <c r="H66" s="154">
        <v>31507</v>
      </c>
      <c r="I66" s="154">
        <v>15374</v>
      </c>
      <c r="J66" s="154">
        <v>16133</v>
      </c>
      <c r="K66" s="162">
        <v>12381</v>
      </c>
    </row>
    <row r="67" spans="1:11" ht="9.75" customHeight="1">
      <c r="A67" s="40"/>
      <c r="B67" s="70" t="s">
        <v>132</v>
      </c>
      <c r="C67" s="42"/>
      <c r="D67" s="154">
        <v>28293</v>
      </c>
      <c r="E67" s="154">
        <v>13591</v>
      </c>
      <c r="F67" s="154">
        <v>14702</v>
      </c>
      <c r="G67" s="154">
        <v>11270</v>
      </c>
      <c r="H67" s="154">
        <v>28272</v>
      </c>
      <c r="I67" s="154">
        <v>13582</v>
      </c>
      <c r="J67" s="154">
        <v>14690</v>
      </c>
      <c r="K67" s="162">
        <v>11270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421</v>
      </c>
      <c r="E69" s="157">
        <v>32281</v>
      </c>
      <c r="F69" s="157">
        <v>33140</v>
      </c>
      <c r="G69" s="157">
        <v>24219</v>
      </c>
      <c r="H69" s="157">
        <v>65407</v>
      </c>
      <c r="I69" s="157">
        <v>32259</v>
      </c>
      <c r="J69" s="157">
        <v>33148</v>
      </c>
      <c r="K69" s="163">
        <v>24225</v>
      </c>
    </row>
    <row r="70" spans="1:11" ht="9.75" customHeight="1">
      <c r="A70" s="40"/>
      <c r="B70" s="70" t="s">
        <v>134</v>
      </c>
      <c r="C70" s="42"/>
      <c r="D70" s="154">
        <v>9625</v>
      </c>
      <c r="E70" s="154">
        <v>4817</v>
      </c>
      <c r="F70" s="154">
        <v>4808</v>
      </c>
      <c r="G70" s="154">
        <v>3387</v>
      </c>
      <c r="H70" s="154">
        <v>9609</v>
      </c>
      <c r="I70" s="154">
        <v>4810</v>
      </c>
      <c r="J70" s="154">
        <v>4799</v>
      </c>
      <c r="K70" s="162">
        <v>3383</v>
      </c>
    </row>
    <row r="71" spans="1:11" ht="9.75" customHeight="1">
      <c r="A71" s="40"/>
      <c r="B71" s="70" t="s">
        <v>135</v>
      </c>
      <c r="C71" s="42"/>
      <c r="D71" s="154">
        <v>16966</v>
      </c>
      <c r="E71" s="154">
        <v>8454</v>
      </c>
      <c r="F71" s="154">
        <v>8512</v>
      </c>
      <c r="G71" s="154">
        <v>6229</v>
      </c>
      <c r="H71" s="154">
        <v>16967</v>
      </c>
      <c r="I71" s="154">
        <v>8457</v>
      </c>
      <c r="J71" s="154">
        <v>8510</v>
      </c>
      <c r="K71" s="162">
        <v>6225</v>
      </c>
    </row>
    <row r="72" spans="1:11" ht="9.75" customHeight="1">
      <c r="A72" s="40"/>
      <c r="B72" s="70" t="s">
        <v>136</v>
      </c>
      <c r="C72" s="42"/>
      <c r="D72" s="154">
        <v>11068</v>
      </c>
      <c r="E72" s="154">
        <v>5454</v>
      </c>
      <c r="F72" s="154">
        <v>5614</v>
      </c>
      <c r="G72" s="154">
        <v>4403</v>
      </c>
      <c r="H72" s="154">
        <v>11056</v>
      </c>
      <c r="I72" s="154">
        <v>5446</v>
      </c>
      <c r="J72" s="154">
        <v>5610</v>
      </c>
      <c r="K72" s="162">
        <v>4406</v>
      </c>
    </row>
    <row r="73" spans="1:11" ht="9.75" customHeight="1">
      <c r="A73" s="40"/>
      <c r="B73" s="70" t="s">
        <v>137</v>
      </c>
      <c r="C73" s="42"/>
      <c r="D73" s="154">
        <v>10517</v>
      </c>
      <c r="E73" s="154">
        <v>5130</v>
      </c>
      <c r="F73" s="154">
        <v>5387</v>
      </c>
      <c r="G73" s="154">
        <v>3887</v>
      </c>
      <c r="H73" s="154">
        <v>10497</v>
      </c>
      <c r="I73" s="154">
        <v>5117</v>
      </c>
      <c r="J73" s="154">
        <v>5380</v>
      </c>
      <c r="K73" s="162">
        <v>3883</v>
      </c>
    </row>
    <row r="74" spans="1:11" ht="9.75" customHeight="1">
      <c r="A74" s="40"/>
      <c r="B74" s="70" t="s">
        <v>138</v>
      </c>
      <c r="C74" s="42"/>
      <c r="D74" s="154">
        <v>17245</v>
      </c>
      <c r="E74" s="154">
        <v>8426</v>
      </c>
      <c r="F74" s="154">
        <v>8819</v>
      </c>
      <c r="G74" s="154">
        <v>6313</v>
      </c>
      <c r="H74" s="154">
        <v>17278</v>
      </c>
      <c r="I74" s="154">
        <v>8429</v>
      </c>
      <c r="J74" s="154">
        <v>8849</v>
      </c>
      <c r="K74" s="162">
        <v>6328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595</v>
      </c>
      <c r="E76" s="157">
        <v>20405</v>
      </c>
      <c r="F76" s="157">
        <v>23190</v>
      </c>
      <c r="G76" s="157">
        <v>19981</v>
      </c>
      <c r="H76" s="157">
        <v>43582</v>
      </c>
      <c r="I76" s="157">
        <v>20393</v>
      </c>
      <c r="J76" s="157">
        <v>23189</v>
      </c>
      <c r="K76" s="163">
        <v>19982</v>
      </c>
    </row>
    <row r="77" spans="1:11" ht="9.75" customHeight="1">
      <c r="A77" s="40"/>
      <c r="B77" s="70" t="s">
        <v>140</v>
      </c>
      <c r="C77" s="42"/>
      <c r="D77" s="154">
        <v>11661</v>
      </c>
      <c r="E77" s="154">
        <v>5562</v>
      </c>
      <c r="F77" s="154">
        <v>6099</v>
      </c>
      <c r="G77" s="154">
        <v>6118</v>
      </c>
      <c r="H77" s="154">
        <v>11647</v>
      </c>
      <c r="I77" s="154">
        <v>5549</v>
      </c>
      <c r="J77" s="154">
        <v>6098</v>
      </c>
      <c r="K77" s="162">
        <v>6119</v>
      </c>
    </row>
    <row r="78" spans="1:11" ht="9.75" customHeight="1">
      <c r="A78" s="40"/>
      <c r="B78" s="70" t="s">
        <v>141</v>
      </c>
      <c r="C78" s="42"/>
      <c r="D78" s="154">
        <v>7201</v>
      </c>
      <c r="E78" s="154">
        <v>3370</v>
      </c>
      <c r="F78" s="154">
        <v>3831</v>
      </c>
      <c r="G78" s="154">
        <v>3062</v>
      </c>
      <c r="H78" s="154">
        <v>7193</v>
      </c>
      <c r="I78" s="154">
        <v>3371</v>
      </c>
      <c r="J78" s="154">
        <v>3822</v>
      </c>
      <c r="K78" s="162">
        <v>3061</v>
      </c>
    </row>
    <row r="79" spans="1:11" ht="9.75" customHeight="1">
      <c r="A79" s="40"/>
      <c r="B79" s="70" t="s">
        <v>142</v>
      </c>
      <c r="C79" s="42"/>
      <c r="D79" s="154">
        <v>24733</v>
      </c>
      <c r="E79" s="154">
        <v>11473</v>
      </c>
      <c r="F79" s="154">
        <v>13260</v>
      </c>
      <c r="G79" s="154">
        <v>10801</v>
      </c>
      <c r="H79" s="154">
        <v>24742</v>
      </c>
      <c r="I79" s="154">
        <v>11473</v>
      </c>
      <c r="J79" s="154">
        <v>13269</v>
      </c>
      <c r="K79" s="162">
        <v>10802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466</v>
      </c>
      <c r="E81" s="157">
        <v>22597</v>
      </c>
      <c r="F81" s="157">
        <v>20869</v>
      </c>
      <c r="G81" s="157">
        <v>17370</v>
      </c>
      <c r="H81" s="157">
        <v>43461</v>
      </c>
      <c r="I81" s="157">
        <v>22603</v>
      </c>
      <c r="J81" s="157">
        <v>20858</v>
      </c>
      <c r="K81" s="163">
        <v>17382</v>
      </c>
    </row>
    <row r="82" spans="1:11" ht="9.75" customHeight="1">
      <c r="A82" s="40"/>
      <c r="B82" s="70" t="s">
        <v>144</v>
      </c>
      <c r="C82" s="42"/>
      <c r="D82" s="154">
        <v>40273</v>
      </c>
      <c r="E82" s="154">
        <v>20963</v>
      </c>
      <c r="F82" s="154">
        <v>19310</v>
      </c>
      <c r="G82" s="154">
        <v>16241</v>
      </c>
      <c r="H82" s="154">
        <v>40259</v>
      </c>
      <c r="I82" s="154">
        <v>20962</v>
      </c>
      <c r="J82" s="154">
        <v>19297</v>
      </c>
      <c r="K82" s="162">
        <v>16248</v>
      </c>
    </row>
    <row r="83" spans="1:11" ht="9.75" customHeight="1">
      <c r="A83" s="40"/>
      <c r="B83" s="70" t="s">
        <v>145</v>
      </c>
      <c r="C83" s="42"/>
      <c r="D83" s="154">
        <v>3193</v>
      </c>
      <c r="E83" s="154">
        <v>1634</v>
      </c>
      <c r="F83" s="154">
        <v>1559</v>
      </c>
      <c r="G83" s="154">
        <v>1129</v>
      </c>
      <c r="H83" s="154">
        <v>3202</v>
      </c>
      <c r="I83" s="154">
        <v>1641</v>
      </c>
      <c r="J83" s="154">
        <v>1561</v>
      </c>
      <c r="K83" s="162">
        <v>1134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69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70</v>
      </c>
      <c r="E3" s="198"/>
      <c r="F3" s="198"/>
      <c r="G3" s="256"/>
      <c r="H3" s="209" t="s">
        <v>171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45587</v>
      </c>
      <c r="E6" s="20">
        <v>4566109</v>
      </c>
      <c r="F6" s="20">
        <v>4579478</v>
      </c>
      <c r="G6" s="20">
        <v>4020709</v>
      </c>
      <c r="H6" s="20">
        <v>9145572</v>
      </c>
      <c r="I6" s="20">
        <v>4565715</v>
      </c>
      <c r="J6" s="20">
        <v>4579857</v>
      </c>
      <c r="K6" s="160">
        <v>4022278</v>
      </c>
    </row>
    <row r="7" spans="1:22" s="32" customFormat="1" ht="9.75" customHeight="1">
      <c r="A7" s="253" t="s">
        <v>81</v>
      </c>
      <c r="B7" s="254"/>
      <c r="C7" s="35"/>
      <c r="D7" s="151">
        <v>8853300</v>
      </c>
      <c r="E7" s="151">
        <v>4422417</v>
      </c>
      <c r="F7" s="151">
        <v>4430883</v>
      </c>
      <c r="G7" s="151">
        <v>3903850</v>
      </c>
      <c r="H7" s="151">
        <v>8853462</v>
      </c>
      <c r="I7" s="151">
        <v>4422106</v>
      </c>
      <c r="J7" s="151">
        <v>4431356</v>
      </c>
      <c r="K7" s="161">
        <v>3905433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2287</v>
      </c>
      <c r="E8" s="151">
        <v>143692</v>
      </c>
      <c r="F8" s="151">
        <v>148595</v>
      </c>
      <c r="G8" s="151">
        <v>116859</v>
      </c>
      <c r="H8" s="151">
        <v>292110</v>
      </c>
      <c r="I8" s="151">
        <v>143609</v>
      </c>
      <c r="J8" s="151">
        <v>148501</v>
      </c>
      <c r="K8" s="161">
        <v>116845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31471</v>
      </c>
      <c r="E10" s="157">
        <v>1857598</v>
      </c>
      <c r="F10" s="157">
        <v>1873873</v>
      </c>
      <c r="G10" s="157">
        <v>1659808</v>
      </c>
      <c r="H10" s="157">
        <v>3731293</v>
      </c>
      <c r="I10" s="157">
        <v>1857367</v>
      </c>
      <c r="J10" s="157">
        <v>1873926</v>
      </c>
      <c r="K10" s="163">
        <v>1660256</v>
      </c>
    </row>
    <row r="11" spans="1:22" ht="9.75" customHeight="1">
      <c r="A11" s="40"/>
      <c r="B11" s="70" t="s">
        <v>84</v>
      </c>
      <c r="C11" s="42"/>
      <c r="D11" s="154">
        <v>287125</v>
      </c>
      <c r="E11" s="154">
        <v>148480</v>
      </c>
      <c r="F11" s="154">
        <v>138645</v>
      </c>
      <c r="G11" s="154">
        <v>134345</v>
      </c>
      <c r="H11" s="154">
        <v>287156</v>
      </c>
      <c r="I11" s="154">
        <v>148518</v>
      </c>
      <c r="J11" s="154">
        <v>138638</v>
      </c>
      <c r="K11" s="162">
        <v>134388</v>
      </c>
    </row>
    <row r="12" spans="1:22" ht="9.75" customHeight="1">
      <c r="A12" s="40"/>
      <c r="B12" s="70" t="s">
        <v>85</v>
      </c>
      <c r="C12" s="42"/>
      <c r="D12" s="154">
        <v>239818</v>
      </c>
      <c r="E12" s="154">
        <v>122139</v>
      </c>
      <c r="F12" s="154">
        <v>117679</v>
      </c>
      <c r="G12" s="154">
        <v>120678</v>
      </c>
      <c r="H12" s="154">
        <v>239935</v>
      </c>
      <c r="I12" s="154">
        <v>122188</v>
      </c>
      <c r="J12" s="154">
        <v>117747</v>
      </c>
      <c r="K12" s="162">
        <v>120794</v>
      </c>
    </row>
    <row r="13" spans="1:22" ht="9.75" customHeight="1">
      <c r="A13" s="40"/>
      <c r="B13" s="70" t="s">
        <v>86</v>
      </c>
      <c r="C13" s="42"/>
      <c r="D13" s="154">
        <v>98802</v>
      </c>
      <c r="E13" s="154">
        <v>49997</v>
      </c>
      <c r="F13" s="154">
        <v>48805</v>
      </c>
      <c r="G13" s="154">
        <v>52166</v>
      </c>
      <c r="H13" s="154">
        <v>98699</v>
      </c>
      <c r="I13" s="154">
        <v>49910</v>
      </c>
      <c r="J13" s="154">
        <v>48789</v>
      </c>
      <c r="K13" s="162">
        <v>52081</v>
      </c>
    </row>
    <row r="14" spans="1:22" ht="9.75" customHeight="1">
      <c r="A14" s="40"/>
      <c r="B14" s="70" t="s">
        <v>87</v>
      </c>
      <c r="C14" s="42"/>
      <c r="D14" s="154">
        <v>148882</v>
      </c>
      <c r="E14" s="154">
        <v>78196</v>
      </c>
      <c r="F14" s="154">
        <v>70686</v>
      </c>
      <c r="G14" s="154">
        <v>79381</v>
      </c>
      <c r="H14" s="154">
        <v>148855</v>
      </c>
      <c r="I14" s="154">
        <v>78204</v>
      </c>
      <c r="J14" s="154">
        <v>70651</v>
      </c>
      <c r="K14" s="162">
        <v>79372</v>
      </c>
    </row>
    <row r="15" spans="1:22" ht="9.75" customHeight="1">
      <c r="A15" s="40"/>
      <c r="B15" s="70" t="s">
        <v>88</v>
      </c>
      <c r="C15" s="42"/>
      <c r="D15" s="154">
        <v>194789</v>
      </c>
      <c r="E15" s="154">
        <v>96953</v>
      </c>
      <c r="F15" s="154">
        <v>97836</v>
      </c>
      <c r="G15" s="154">
        <v>96201</v>
      </c>
      <c r="H15" s="154">
        <v>194773</v>
      </c>
      <c r="I15" s="154">
        <v>96940</v>
      </c>
      <c r="J15" s="154">
        <v>97833</v>
      </c>
      <c r="K15" s="162">
        <v>96216</v>
      </c>
    </row>
    <row r="16" spans="1:22" ht="9.75" customHeight="1">
      <c r="A16" s="40"/>
      <c r="B16" s="70" t="s">
        <v>89</v>
      </c>
      <c r="C16" s="42"/>
      <c r="D16" s="154">
        <v>214969</v>
      </c>
      <c r="E16" s="154">
        <v>105576</v>
      </c>
      <c r="F16" s="154">
        <v>109393</v>
      </c>
      <c r="G16" s="154">
        <v>91564</v>
      </c>
      <c r="H16" s="154">
        <v>214836</v>
      </c>
      <c r="I16" s="154">
        <v>105531</v>
      </c>
      <c r="J16" s="154">
        <v>109305</v>
      </c>
      <c r="K16" s="162">
        <v>91568</v>
      </c>
    </row>
    <row r="17" spans="1:11" ht="9.75" customHeight="1">
      <c r="A17" s="40"/>
      <c r="B17" s="70" t="s">
        <v>90</v>
      </c>
      <c r="C17" s="42"/>
      <c r="D17" s="154">
        <v>206387</v>
      </c>
      <c r="E17" s="154">
        <v>102716</v>
      </c>
      <c r="F17" s="154">
        <v>103671</v>
      </c>
      <c r="G17" s="154">
        <v>93781</v>
      </c>
      <c r="H17" s="154">
        <v>206423</v>
      </c>
      <c r="I17" s="154">
        <v>102730</v>
      </c>
      <c r="J17" s="154">
        <v>103693</v>
      </c>
      <c r="K17" s="162">
        <v>93819</v>
      </c>
    </row>
    <row r="18" spans="1:11" ht="9.75" customHeight="1">
      <c r="A18" s="40"/>
      <c r="B18" s="70" t="s">
        <v>91</v>
      </c>
      <c r="C18" s="42"/>
      <c r="D18" s="154">
        <v>246949</v>
      </c>
      <c r="E18" s="154">
        <v>119957</v>
      </c>
      <c r="F18" s="154">
        <v>126992</v>
      </c>
      <c r="G18" s="154">
        <v>103578</v>
      </c>
      <c r="H18" s="154">
        <v>246868</v>
      </c>
      <c r="I18" s="154">
        <v>119911</v>
      </c>
      <c r="J18" s="154">
        <v>126957</v>
      </c>
      <c r="K18" s="162">
        <v>103580</v>
      </c>
    </row>
    <row r="19" spans="1:11" ht="9.75" customHeight="1">
      <c r="A19" s="40"/>
      <c r="B19" s="70" t="s">
        <v>92</v>
      </c>
      <c r="C19" s="42"/>
      <c r="D19" s="154">
        <v>166751</v>
      </c>
      <c r="E19" s="154">
        <v>82132</v>
      </c>
      <c r="F19" s="154">
        <v>84619</v>
      </c>
      <c r="G19" s="154">
        <v>75368</v>
      </c>
      <c r="H19" s="154">
        <v>166710</v>
      </c>
      <c r="I19" s="154">
        <v>82110</v>
      </c>
      <c r="J19" s="154">
        <v>84600</v>
      </c>
      <c r="K19" s="162">
        <v>75344</v>
      </c>
    </row>
    <row r="20" spans="1:11" ht="9.75" customHeight="1">
      <c r="A20" s="40"/>
      <c r="B20" s="70" t="s">
        <v>93</v>
      </c>
      <c r="C20" s="42"/>
      <c r="D20" s="154">
        <v>201544</v>
      </c>
      <c r="E20" s="154">
        <v>98740</v>
      </c>
      <c r="F20" s="154">
        <v>102804</v>
      </c>
      <c r="G20" s="154">
        <v>87422</v>
      </c>
      <c r="H20" s="154">
        <v>201468</v>
      </c>
      <c r="I20" s="154">
        <v>98676</v>
      </c>
      <c r="J20" s="154">
        <v>102792</v>
      </c>
      <c r="K20" s="162">
        <v>87451</v>
      </c>
    </row>
    <row r="21" spans="1:11" ht="9.75" customHeight="1">
      <c r="A21" s="40"/>
      <c r="B21" s="70" t="s">
        <v>94</v>
      </c>
      <c r="C21" s="42"/>
      <c r="D21" s="154">
        <v>346359</v>
      </c>
      <c r="E21" s="154">
        <v>175354</v>
      </c>
      <c r="F21" s="154">
        <v>171005</v>
      </c>
      <c r="G21" s="154">
        <v>164787</v>
      </c>
      <c r="H21" s="154">
        <v>346588</v>
      </c>
      <c r="I21" s="154">
        <v>175412</v>
      </c>
      <c r="J21" s="154">
        <v>171176</v>
      </c>
      <c r="K21" s="162">
        <v>164983</v>
      </c>
    </row>
    <row r="22" spans="1:11" ht="9.75" customHeight="1">
      <c r="A22" s="40"/>
      <c r="B22" s="70" t="s">
        <v>95</v>
      </c>
      <c r="C22" s="42"/>
      <c r="D22" s="154">
        <v>181095</v>
      </c>
      <c r="E22" s="154">
        <v>89252</v>
      </c>
      <c r="F22" s="154">
        <v>91843</v>
      </c>
      <c r="G22" s="154">
        <v>75446</v>
      </c>
      <c r="H22" s="154">
        <v>181141</v>
      </c>
      <c r="I22" s="154">
        <v>89283</v>
      </c>
      <c r="J22" s="154">
        <v>91858</v>
      </c>
      <c r="K22" s="162">
        <v>75505</v>
      </c>
    </row>
    <row r="23" spans="1:11" ht="9.75" customHeight="1">
      <c r="A23" s="40"/>
      <c r="B23" s="70" t="s">
        <v>96</v>
      </c>
      <c r="C23" s="42"/>
      <c r="D23" s="154">
        <v>310307</v>
      </c>
      <c r="E23" s="154">
        <v>151234</v>
      </c>
      <c r="F23" s="154">
        <v>159073</v>
      </c>
      <c r="G23" s="154">
        <v>126261</v>
      </c>
      <c r="H23" s="154">
        <v>310339</v>
      </c>
      <c r="I23" s="154">
        <v>151262</v>
      </c>
      <c r="J23" s="154">
        <v>159077</v>
      </c>
      <c r="K23" s="162">
        <v>126337</v>
      </c>
    </row>
    <row r="24" spans="1:11" ht="9.75" customHeight="1">
      <c r="A24" s="40"/>
      <c r="B24" s="70" t="s">
        <v>97</v>
      </c>
      <c r="C24" s="42"/>
      <c r="D24" s="154">
        <v>212248</v>
      </c>
      <c r="E24" s="154">
        <v>106129</v>
      </c>
      <c r="F24" s="154">
        <v>106119</v>
      </c>
      <c r="G24" s="154">
        <v>81357</v>
      </c>
      <c r="H24" s="154">
        <v>212263</v>
      </c>
      <c r="I24" s="154">
        <v>106126</v>
      </c>
      <c r="J24" s="154">
        <v>106137</v>
      </c>
      <c r="K24" s="162">
        <v>81393</v>
      </c>
    </row>
    <row r="25" spans="1:11" ht="9.75" customHeight="1">
      <c r="A25" s="40"/>
      <c r="B25" s="70" t="s">
        <v>98</v>
      </c>
      <c r="C25" s="42"/>
      <c r="D25" s="154">
        <v>275689</v>
      </c>
      <c r="E25" s="154">
        <v>135292</v>
      </c>
      <c r="F25" s="154">
        <v>140397</v>
      </c>
      <c r="G25" s="154">
        <v>114470</v>
      </c>
      <c r="H25" s="154">
        <v>275813</v>
      </c>
      <c r="I25" s="154">
        <v>135335</v>
      </c>
      <c r="J25" s="154">
        <v>140478</v>
      </c>
      <c r="K25" s="162">
        <v>114566</v>
      </c>
    </row>
    <row r="26" spans="1:11" ht="9.75" customHeight="1">
      <c r="A26" s="40"/>
      <c r="B26" s="70" t="s">
        <v>99</v>
      </c>
      <c r="C26" s="42"/>
      <c r="D26" s="154">
        <v>121702</v>
      </c>
      <c r="E26" s="154">
        <v>59495</v>
      </c>
      <c r="F26" s="154">
        <v>62207</v>
      </c>
      <c r="G26" s="154">
        <v>51117</v>
      </c>
      <c r="H26" s="154">
        <v>121515</v>
      </c>
      <c r="I26" s="154">
        <v>59348</v>
      </c>
      <c r="J26" s="154">
        <v>62167</v>
      </c>
      <c r="K26" s="162">
        <v>50970</v>
      </c>
    </row>
    <row r="27" spans="1:11" ht="9.75" customHeight="1">
      <c r="A27" s="40"/>
      <c r="B27" s="70" t="s">
        <v>100</v>
      </c>
      <c r="C27" s="42"/>
      <c r="D27" s="154">
        <v>153861</v>
      </c>
      <c r="E27" s="154">
        <v>75286</v>
      </c>
      <c r="F27" s="154">
        <v>78575</v>
      </c>
      <c r="G27" s="154">
        <v>61198</v>
      </c>
      <c r="H27" s="154">
        <v>153715</v>
      </c>
      <c r="I27" s="154">
        <v>75218</v>
      </c>
      <c r="J27" s="154">
        <v>78497</v>
      </c>
      <c r="K27" s="162">
        <v>61176</v>
      </c>
    </row>
    <row r="28" spans="1:11" ht="9.75" customHeight="1">
      <c r="A28" s="40"/>
      <c r="B28" s="70" t="s">
        <v>101</v>
      </c>
      <c r="C28" s="42"/>
      <c r="D28" s="154">
        <v>124194</v>
      </c>
      <c r="E28" s="154">
        <v>60670</v>
      </c>
      <c r="F28" s="154">
        <v>63524</v>
      </c>
      <c r="G28" s="154">
        <v>50688</v>
      </c>
      <c r="H28" s="154">
        <v>124196</v>
      </c>
      <c r="I28" s="154">
        <v>60665</v>
      </c>
      <c r="J28" s="154">
        <v>63531</v>
      </c>
      <c r="K28" s="162">
        <v>50713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89046</v>
      </c>
      <c r="E30" s="157">
        <v>755722</v>
      </c>
      <c r="F30" s="157">
        <v>733324</v>
      </c>
      <c r="G30" s="157">
        <v>703691</v>
      </c>
      <c r="H30" s="157">
        <v>1489477</v>
      </c>
      <c r="I30" s="157">
        <v>755844</v>
      </c>
      <c r="J30" s="157">
        <v>733633</v>
      </c>
      <c r="K30" s="163">
        <v>703945</v>
      </c>
    </row>
    <row r="31" spans="1:11" ht="9.75" customHeight="1">
      <c r="A31" s="40"/>
      <c r="B31" s="70" t="s">
        <v>103</v>
      </c>
      <c r="C31" s="42"/>
      <c r="D31" s="154">
        <v>226497</v>
      </c>
      <c r="E31" s="154">
        <v>121374</v>
      </c>
      <c r="F31" s="154">
        <v>105123</v>
      </c>
      <c r="G31" s="154">
        <v>112841</v>
      </c>
      <c r="H31" s="154">
        <v>226537</v>
      </c>
      <c r="I31" s="154">
        <v>121395</v>
      </c>
      <c r="J31" s="154">
        <v>105142</v>
      </c>
      <c r="K31" s="162">
        <v>112887</v>
      </c>
    </row>
    <row r="32" spans="1:11" ht="9.75" customHeight="1">
      <c r="A32" s="40"/>
      <c r="B32" s="70" t="s">
        <v>104</v>
      </c>
      <c r="C32" s="42"/>
      <c r="D32" s="154">
        <v>162591</v>
      </c>
      <c r="E32" s="154">
        <v>82057</v>
      </c>
      <c r="F32" s="154">
        <v>80534</v>
      </c>
      <c r="G32" s="154">
        <v>76455</v>
      </c>
      <c r="H32" s="154">
        <v>162618</v>
      </c>
      <c r="I32" s="154">
        <v>82055</v>
      </c>
      <c r="J32" s="154">
        <v>80563</v>
      </c>
      <c r="K32" s="162">
        <v>76462</v>
      </c>
    </row>
    <row r="33" spans="1:11" ht="9.75" customHeight="1">
      <c r="A33" s="40"/>
      <c r="B33" s="70" t="s">
        <v>105</v>
      </c>
      <c r="C33" s="42"/>
      <c r="D33" s="154">
        <v>251203</v>
      </c>
      <c r="E33" s="154">
        <v>128735</v>
      </c>
      <c r="F33" s="154">
        <v>122468</v>
      </c>
      <c r="G33" s="154">
        <v>125937</v>
      </c>
      <c r="H33" s="154">
        <v>251248</v>
      </c>
      <c r="I33" s="154">
        <v>128740</v>
      </c>
      <c r="J33" s="154">
        <v>122508</v>
      </c>
      <c r="K33" s="162">
        <v>125886</v>
      </c>
    </row>
    <row r="34" spans="1:11" ht="9.75" customHeight="1">
      <c r="A34" s="40"/>
      <c r="B34" s="70" t="s">
        <v>106</v>
      </c>
      <c r="C34" s="42"/>
      <c r="D34" s="154">
        <v>229622</v>
      </c>
      <c r="E34" s="154">
        <v>115612</v>
      </c>
      <c r="F34" s="154">
        <v>114010</v>
      </c>
      <c r="G34" s="154">
        <v>109192</v>
      </c>
      <c r="H34" s="154">
        <v>229584</v>
      </c>
      <c r="I34" s="154">
        <v>115602</v>
      </c>
      <c r="J34" s="154">
        <v>113982</v>
      </c>
      <c r="K34" s="162">
        <v>109177</v>
      </c>
    </row>
    <row r="35" spans="1:11" ht="9.75" customHeight="1">
      <c r="A35" s="40"/>
      <c r="B35" s="70" t="s">
        <v>107</v>
      </c>
      <c r="C35" s="42"/>
      <c r="D35" s="154">
        <v>227124</v>
      </c>
      <c r="E35" s="154">
        <v>111458</v>
      </c>
      <c r="F35" s="154">
        <v>115666</v>
      </c>
      <c r="G35" s="154">
        <v>96086</v>
      </c>
      <c r="H35" s="154">
        <v>227375</v>
      </c>
      <c r="I35" s="154">
        <v>111557</v>
      </c>
      <c r="J35" s="154">
        <v>115818</v>
      </c>
      <c r="K35" s="162">
        <v>96226</v>
      </c>
    </row>
    <row r="36" spans="1:11" ht="9.75" customHeight="1">
      <c r="A36" s="40"/>
      <c r="B36" s="70" t="s">
        <v>108</v>
      </c>
      <c r="C36" s="42"/>
      <c r="D36" s="154">
        <v>215577</v>
      </c>
      <c r="E36" s="154">
        <v>110598</v>
      </c>
      <c r="F36" s="154">
        <v>104979</v>
      </c>
      <c r="G36" s="154">
        <v>108060</v>
      </c>
      <c r="H36" s="154">
        <v>215644</v>
      </c>
      <c r="I36" s="154">
        <v>110609</v>
      </c>
      <c r="J36" s="154">
        <v>105035</v>
      </c>
      <c r="K36" s="162">
        <v>108176</v>
      </c>
    </row>
    <row r="37" spans="1:11" ht="9.75" customHeight="1">
      <c r="A37" s="40"/>
      <c r="B37" s="70" t="s">
        <v>109</v>
      </c>
      <c r="C37" s="42"/>
      <c r="D37" s="154">
        <v>176432</v>
      </c>
      <c r="E37" s="154">
        <v>85888</v>
      </c>
      <c r="F37" s="154">
        <v>90544</v>
      </c>
      <c r="G37" s="154">
        <v>75120</v>
      </c>
      <c r="H37" s="154">
        <v>176471</v>
      </c>
      <c r="I37" s="154">
        <v>85886</v>
      </c>
      <c r="J37" s="154">
        <v>90585</v>
      </c>
      <c r="K37" s="162">
        <v>75131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1556</v>
      </c>
      <c r="E39" s="157">
        <v>361289</v>
      </c>
      <c r="F39" s="157">
        <v>360267</v>
      </c>
      <c r="G39" s="157">
        <v>314824</v>
      </c>
      <c r="H39" s="157">
        <v>721552</v>
      </c>
      <c r="I39" s="157">
        <v>361250</v>
      </c>
      <c r="J39" s="157">
        <v>360302</v>
      </c>
      <c r="K39" s="163">
        <v>315030</v>
      </c>
    </row>
    <row r="40" spans="1:11" ht="9.75" customHeight="1">
      <c r="A40" s="40"/>
      <c r="B40" s="70" t="s">
        <v>95</v>
      </c>
      <c r="C40" s="42"/>
      <c r="D40" s="154">
        <v>173267</v>
      </c>
      <c r="E40" s="154">
        <v>87221</v>
      </c>
      <c r="F40" s="154">
        <v>86046</v>
      </c>
      <c r="G40" s="154">
        <v>71937</v>
      </c>
      <c r="H40" s="154">
        <v>173242</v>
      </c>
      <c r="I40" s="154">
        <v>87218</v>
      </c>
      <c r="J40" s="154">
        <v>86024</v>
      </c>
      <c r="K40" s="162">
        <v>71987</v>
      </c>
    </row>
    <row r="41" spans="1:11" ht="9.75" customHeight="1">
      <c r="A41" s="40"/>
      <c r="B41" s="70" t="s">
        <v>111</v>
      </c>
      <c r="C41" s="42"/>
      <c r="D41" s="154">
        <v>270537</v>
      </c>
      <c r="E41" s="154">
        <v>136075</v>
      </c>
      <c r="F41" s="154">
        <v>134462</v>
      </c>
      <c r="G41" s="154">
        <v>117744</v>
      </c>
      <c r="H41" s="154">
        <v>270676</v>
      </c>
      <c r="I41" s="154">
        <v>136085</v>
      </c>
      <c r="J41" s="154">
        <v>134591</v>
      </c>
      <c r="K41" s="162">
        <v>117969</v>
      </c>
    </row>
    <row r="42" spans="1:11" ht="9.75" customHeight="1">
      <c r="A42" s="40"/>
      <c r="B42" s="70" t="s">
        <v>88</v>
      </c>
      <c r="C42" s="42"/>
      <c r="D42" s="154">
        <v>277752</v>
      </c>
      <c r="E42" s="154">
        <v>137993</v>
      </c>
      <c r="F42" s="154">
        <v>139759</v>
      </c>
      <c r="G42" s="154">
        <v>125143</v>
      </c>
      <c r="H42" s="154">
        <v>277634</v>
      </c>
      <c r="I42" s="154">
        <v>137947</v>
      </c>
      <c r="J42" s="154">
        <v>139687</v>
      </c>
      <c r="K42" s="162">
        <v>125074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3950</v>
      </c>
      <c r="E44" s="154">
        <v>201517</v>
      </c>
      <c r="F44" s="154">
        <v>202433</v>
      </c>
      <c r="G44" s="154">
        <v>166132</v>
      </c>
      <c r="H44" s="154">
        <v>403730</v>
      </c>
      <c r="I44" s="154">
        <v>201412</v>
      </c>
      <c r="J44" s="154">
        <v>202318</v>
      </c>
      <c r="K44" s="162">
        <v>166132</v>
      </c>
    </row>
    <row r="45" spans="1:11" ht="9.75" customHeight="1">
      <c r="A45" s="249" t="s">
        <v>113</v>
      </c>
      <c r="B45" s="250"/>
      <c r="C45" s="42"/>
      <c r="D45" s="154">
        <v>258138</v>
      </c>
      <c r="E45" s="154">
        <v>129522</v>
      </c>
      <c r="F45" s="154">
        <v>128616</v>
      </c>
      <c r="G45" s="154">
        <v>108396</v>
      </c>
      <c r="H45" s="154">
        <v>258126</v>
      </c>
      <c r="I45" s="154">
        <v>129500</v>
      </c>
      <c r="J45" s="154">
        <v>128626</v>
      </c>
      <c r="K45" s="162">
        <v>108493</v>
      </c>
    </row>
    <row r="46" spans="1:11" ht="9.75" customHeight="1">
      <c r="A46" s="249" t="s">
        <v>114</v>
      </c>
      <c r="B46" s="250"/>
      <c r="C46" s="42"/>
      <c r="D46" s="154">
        <v>172419</v>
      </c>
      <c r="E46" s="154">
        <v>81250</v>
      </c>
      <c r="F46" s="154">
        <v>91169</v>
      </c>
      <c r="G46" s="154">
        <v>73190</v>
      </c>
      <c r="H46" s="154">
        <v>172337</v>
      </c>
      <c r="I46" s="154">
        <v>81195</v>
      </c>
      <c r="J46" s="154">
        <v>91142</v>
      </c>
      <c r="K46" s="162">
        <v>73149</v>
      </c>
    </row>
    <row r="47" spans="1:11" ht="9.75" customHeight="1">
      <c r="A47" s="249" t="s">
        <v>115</v>
      </c>
      <c r="B47" s="250"/>
      <c r="C47" s="42"/>
      <c r="D47" s="154">
        <v>426461</v>
      </c>
      <c r="E47" s="154">
        <v>211255</v>
      </c>
      <c r="F47" s="154">
        <v>215206</v>
      </c>
      <c r="G47" s="154">
        <v>182574</v>
      </c>
      <c r="H47" s="154">
        <v>426678</v>
      </c>
      <c r="I47" s="154">
        <v>211311</v>
      </c>
      <c r="J47" s="154">
        <v>215367</v>
      </c>
      <c r="K47" s="162">
        <v>182788</v>
      </c>
    </row>
    <row r="48" spans="1:11" ht="9.75" customHeight="1">
      <c r="A48" s="249" t="s">
        <v>116</v>
      </c>
      <c r="B48" s="250"/>
      <c r="C48" s="42"/>
      <c r="D48" s="154">
        <v>193337</v>
      </c>
      <c r="E48" s="154">
        <v>94222</v>
      </c>
      <c r="F48" s="154">
        <v>99115</v>
      </c>
      <c r="G48" s="154">
        <v>79812</v>
      </c>
      <c r="H48" s="154">
        <v>193313</v>
      </c>
      <c r="I48" s="154">
        <v>94198</v>
      </c>
      <c r="J48" s="154">
        <v>99115</v>
      </c>
      <c r="K48" s="162">
        <v>79872</v>
      </c>
    </row>
    <row r="49" spans="1:11" ht="9.75" customHeight="1">
      <c r="A49" s="249" t="s">
        <v>117</v>
      </c>
      <c r="B49" s="250"/>
      <c r="C49" s="42"/>
      <c r="D49" s="154">
        <v>239922</v>
      </c>
      <c r="E49" s="154">
        <v>117004</v>
      </c>
      <c r="F49" s="154">
        <v>122918</v>
      </c>
      <c r="G49" s="154">
        <v>98999</v>
      </c>
      <c r="H49" s="154">
        <v>240046</v>
      </c>
      <c r="I49" s="154">
        <v>117071</v>
      </c>
      <c r="J49" s="154">
        <v>122975</v>
      </c>
      <c r="K49" s="162">
        <v>99112</v>
      </c>
    </row>
    <row r="50" spans="1:11" ht="9.75" customHeight="1">
      <c r="A50" s="249" t="s">
        <v>118</v>
      </c>
      <c r="B50" s="250"/>
      <c r="C50" s="42"/>
      <c r="D50" s="154">
        <v>57561</v>
      </c>
      <c r="E50" s="154">
        <v>26921</v>
      </c>
      <c r="F50" s="154">
        <v>30640</v>
      </c>
      <c r="G50" s="154">
        <v>24407</v>
      </c>
      <c r="H50" s="154">
        <v>57556</v>
      </c>
      <c r="I50" s="154">
        <v>26910</v>
      </c>
      <c r="J50" s="154">
        <v>30646</v>
      </c>
      <c r="K50" s="162">
        <v>24415</v>
      </c>
    </row>
    <row r="51" spans="1:11" ht="9.75" customHeight="1">
      <c r="A51" s="249" t="s">
        <v>119</v>
      </c>
      <c r="B51" s="250"/>
      <c r="C51" s="42"/>
      <c r="D51" s="154">
        <v>44715</v>
      </c>
      <c r="E51" s="154">
        <v>21522</v>
      </c>
      <c r="F51" s="154">
        <v>23193</v>
      </c>
      <c r="G51" s="154">
        <v>17565</v>
      </c>
      <c r="H51" s="154">
        <v>44651</v>
      </c>
      <c r="I51" s="154">
        <v>21496</v>
      </c>
      <c r="J51" s="154">
        <v>23155</v>
      </c>
      <c r="K51" s="162">
        <v>17560</v>
      </c>
    </row>
    <row r="52" spans="1:11" ht="9.75" customHeight="1">
      <c r="A52" s="249" t="s">
        <v>120</v>
      </c>
      <c r="B52" s="250"/>
      <c r="C52" s="42"/>
      <c r="D52" s="154">
        <v>166680</v>
      </c>
      <c r="E52" s="154">
        <v>85200</v>
      </c>
      <c r="F52" s="154">
        <v>81480</v>
      </c>
      <c r="G52" s="154">
        <v>70303</v>
      </c>
      <c r="H52" s="154">
        <v>166668</v>
      </c>
      <c r="I52" s="154">
        <v>85216</v>
      </c>
      <c r="J52" s="154">
        <v>81452</v>
      </c>
      <c r="K52" s="162">
        <v>70350</v>
      </c>
    </row>
    <row r="53" spans="1:11" ht="9.75" customHeight="1">
      <c r="A53" s="249" t="s">
        <v>121</v>
      </c>
      <c r="B53" s="250"/>
      <c r="C53" s="42"/>
      <c r="D53" s="154">
        <v>225611</v>
      </c>
      <c r="E53" s="154">
        <v>116581</v>
      </c>
      <c r="F53" s="154">
        <v>109030</v>
      </c>
      <c r="G53" s="154">
        <v>96804</v>
      </c>
      <c r="H53" s="154">
        <v>225541</v>
      </c>
      <c r="I53" s="154">
        <v>116511</v>
      </c>
      <c r="J53" s="154">
        <v>109030</v>
      </c>
      <c r="K53" s="162">
        <v>96767</v>
      </c>
    </row>
    <row r="54" spans="1:11" ht="9.75" customHeight="1">
      <c r="A54" s="249" t="s">
        <v>122</v>
      </c>
      <c r="B54" s="250"/>
      <c r="C54" s="42"/>
      <c r="D54" s="154">
        <v>233949</v>
      </c>
      <c r="E54" s="154">
        <v>117083</v>
      </c>
      <c r="F54" s="154">
        <v>116866</v>
      </c>
      <c r="G54" s="154">
        <v>103264</v>
      </c>
      <c r="H54" s="154">
        <v>233942</v>
      </c>
      <c r="I54" s="154">
        <v>117051</v>
      </c>
      <c r="J54" s="154">
        <v>116891</v>
      </c>
      <c r="K54" s="162">
        <v>103288</v>
      </c>
    </row>
    <row r="55" spans="1:11" ht="9.75" customHeight="1">
      <c r="A55" s="249" t="s">
        <v>123</v>
      </c>
      <c r="B55" s="250"/>
      <c r="C55" s="42"/>
      <c r="D55" s="154">
        <v>101713</v>
      </c>
      <c r="E55" s="154">
        <v>51533</v>
      </c>
      <c r="F55" s="154">
        <v>50180</v>
      </c>
      <c r="G55" s="154">
        <v>43549</v>
      </c>
      <c r="H55" s="154">
        <v>101787</v>
      </c>
      <c r="I55" s="154">
        <v>51576</v>
      </c>
      <c r="J55" s="154">
        <v>50211</v>
      </c>
      <c r="K55" s="162">
        <v>43602</v>
      </c>
    </row>
    <row r="56" spans="1:11" ht="9.75" customHeight="1">
      <c r="A56" s="249" t="s">
        <v>124</v>
      </c>
      <c r="B56" s="250"/>
      <c r="C56" s="42"/>
      <c r="D56" s="154">
        <v>130595</v>
      </c>
      <c r="E56" s="154">
        <v>65714</v>
      </c>
      <c r="F56" s="154">
        <v>64881</v>
      </c>
      <c r="G56" s="154">
        <v>54083</v>
      </c>
      <c r="H56" s="154">
        <v>130581</v>
      </c>
      <c r="I56" s="154">
        <v>65688</v>
      </c>
      <c r="J56" s="154">
        <v>64893</v>
      </c>
      <c r="K56" s="162">
        <v>54120</v>
      </c>
    </row>
    <row r="57" spans="1:11" ht="9.75" customHeight="1">
      <c r="A57" s="249" t="s">
        <v>125</v>
      </c>
      <c r="B57" s="250"/>
      <c r="C57" s="42"/>
      <c r="D57" s="154">
        <v>128821</v>
      </c>
      <c r="E57" s="154">
        <v>64474</v>
      </c>
      <c r="F57" s="154">
        <v>64347</v>
      </c>
      <c r="G57" s="154">
        <v>56515</v>
      </c>
      <c r="H57" s="154">
        <v>128884</v>
      </c>
      <c r="I57" s="154">
        <v>64511</v>
      </c>
      <c r="J57" s="154">
        <v>64373</v>
      </c>
      <c r="K57" s="162">
        <v>56600</v>
      </c>
    </row>
    <row r="58" spans="1:11" ht="9.75" customHeight="1">
      <c r="A58" s="249" t="s">
        <v>126</v>
      </c>
      <c r="B58" s="250"/>
      <c r="C58" s="42"/>
      <c r="D58" s="154">
        <v>42923</v>
      </c>
      <c r="E58" s="154">
        <v>21137</v>
      </c>
      <c r="F58" s="154">
        <v>21786</v>
      </c>
      <c r="G58" s="154">
        <v>16273</v>
      </c>
      <c r="H58" s="154">
        <v>42873</v>
      </c>
      <c r="I58" s="154">
        <v>21114</v>
      </c>
      <c r="J58" s="154">
        <v>21759</v>
      </c>
      <c r="K58" s="162">
        <v>16266</v>
      </c>
    </row>
    <row r="59" spans="1:11" ht="9.75" customHeight="1">
      <c r="A59" s="249" t="s">
        <v>127</v>
      </c>
      <c r="B59" s="250"/>
      <c r="C59" s="42"/>
      <c r="D59" s="154">
        <v>84432</v>
      </c>
      <c r="E59" s="154">
        <v>42873</v>
      </c>
      <c r="F59" s="154">
        <v>41559</v>
      </c>
      <c r="G59" s="154">
        <v>33661</v>
      </c>
      <c r="H59" s="154">
        <v>84427</v>
      </c>
      <c r="I59" s="154">
        <v>42885</v>
      </c>
      <c r="J59" s="154">
        <v>41542</v>
      </c>
      <c r="K59" s="162">
        <v>33688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1">
        <v>32102</v>
      </c>
      <c r="E61" s="154">
        <v>15151</v>
      </c>
      <c r="F61" s="154">
        <v>16951</v>
      </c>
      <c r="G61" s="154">
        <v>12616</v>
      </c>
      <c r="H61" s="154">
        <v>32101</v>
      </c>
      <c r="I61" s="154">
        <v>15146</v>
      </c>
      <c r="J61" s="154">
        <v>16955</v>
      </c>
      <c r="K61" s="162">
        <v>12611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1">
        <v>48151</v>
      </c>
      <c r="E63" s="154">
        <v>24413</v>
      </c>
      <c r="F63" s="154">
        <v>23738</v>
      </c>
      <c r="G63" s="154">
        <v>19029</v>
      </c>
      <c r="H63" s="154">
        <v>48116</v>
      </c>
      <c r="I63" s="154">
        <v>24392</v>
      </c>
      <c r="J63" s="154">
        <v>23724</v>
      </c>
      <c r="K63" s="162">
        <v>19018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730</v>
      </c>
      <c r="E65" s="157">
        <v>28927</v>
      </c>
      <c r="F65" s="157">
        <v>30803</v>
      </c>
      <c r="G65" s="157">
        <v>23654</v>
      </c>
      <c r="H65" s="157">
        <v>59711</v>
      </c>
      <c r="I65" s="157">
        <v>28924</v>
      </c>
      <c r="J65" s="157">
        <v>30787</v>
      </c>
      <c r="K65" s="163">
        <v>23667</v>
      </c>
    </row>
    <row r="66" spans="1:11" ht="9.75" customHeight="1">
      <c r="A66" s="40"/>
      <c r="B66" s="70" t="s">
        <v>131</v>
      </c>
      <c r="C66" s="42"/>
      <c r="D66" s="154">
        <v>31471</v>
      </c>
      <c r="E66" s="154">
        <v>15349</v>
      </c>
      <c r="F66" s="154">
        <v>16122</v>
      </c>
      <c r="G66" s="154">
        <v>12375</v>
      </c>
      <c r="H66" s="154">
        <v>31467</v>
      </c>
      <c r="I66" s="154">
        <v>15347</v>
      </c>
      <c r="J66" s="154">
        <v>16120</v>
      </c>
      <c r="K66" s="162">
        <v>12375</v>
      </c>
    </row>
    <row r="67" spans="1:11" ht="9.75" customHeight="1">
      <c r="A67" s="40"/>
      <c r="B67" s="70" t="s">
        <v>132</v>
      </c>
      <c r="C67" s="42"/>
      <c r="D67" s="154">
        <v>28259</v>
      </c>
      <c r="E67" s="154">
        <v>13578</v>
      </c>
      <c r="F67" s="154">
        <v>14681</v>
      </c>
      <c r="G67" s="154">
        <v>11279</v>
      </c>
      <c r="H67" s="154">
        <v>28244</v>
      </c>
      <c r="I67" s="154">
        <v>13577</v>
      </c>
      <c r="J67" s="154">
        <v>14667</v>
      </c>
      <c r="K67" s="162">
        <v>11292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315</v>
      </c>
      <c r="E69" s="157">
        <v>32223</v>
      </c>
      <c r="F69" s="157">
        <v>33092</v>
      </c>
      <c r="G69" s="157">
        <v>24213</v>
      </c>
      <c r="H69" s="157">
        <v>65353</v>
      </c>
      <c r="I69" s="157">
        <v>32235</v>
      </c>
      <c r="J69" s="157">
        <v>33118</v>
      </c>
      <c r="K69" s="163">
        <v>24248</v>
      </c>
    </row>
    <row r="70" spans="1:11" ht="9.75" customHeight="1">
      <c r="A70" s="40"/>
      <c r="B70" s="70" t="s">
        <v>134</v>
      </c>
      <c r="C70" s="42"/>
      <c r="D70" s="154">
        <v>9577</v>
      </c>
      <c r="E70" s="154">
        <v>4789</v>
      </c>
      <c r="F70" s="154">
        <v>4788</v>
      </c>
      <c r="G70" s="154">
        <v>3375</v>
      </c>
      <c r="H70" s="154">
        <v>9583</v>
      </c>
      <c r="I70" s="154">
        <v>4789</v>
      </c>
      <c r="J70" s="154">
        <v>4794</v>
      </c>
      <c r="K70" s="162">
        <v>3375</v>
      </c>
    </row>
    <row r="71" spans="1:11" ht="9.75" customHeight="1">
      <c r="A71" s="40"/>
      <c r="B71" s="70" t="s">
        <v>135</v>
      </c>
      <c r="C71" s="42"/>
      <c r="D71" s="154">
        <v>16945</v>
      </c>
      <c r="E71" s="154">
        <v>8451</v>
      </c>
      <c r="F71" s="154">
        <v>8494</v>
      </c>
      <c r="G71" s="154">
        <v>6221</v>
      </c>
      <c r="H71" s="154">
        <v>16940</v>
      </c>
      <c r="I71" s="154">
        <v>8442</v>
      </c>
      <c r="J71" s="154">
        <v>8498</v>
      </c>
      <c r="K71" s="162">
        <v>6231</v>
      </c>
    </row>
    <row r="72" spans="1:11" ht="9.75" customHeight="1">
      <c r="A72" s="40"/>
      <c r="B72" s="70" t="s">
        <v>136</v>
      </c>
      <c r="C72" s="42"/>
      <c r="D72" s="154">
        <v>11052</v>
      </c>
      <c r="E72" s="154">
        <v>5448</v>
      </c>
      <c r="F72" s="154">
        <v>5604</v>
      </c>
      <c r="G72" s="154">
        <v>4414</v>
      </c>
      <c r="H72" s="154">
        <v>11057</v>
      </c>
      <c r="I72" s="154">
        <v>5452</v>
      </c>
      <c r="J72" s="154">
        <v>5605</v>
      </c>
      <c r="K72" s="162">
        <v>4420</v>
      </c>
    </row>
    <row r="73" spans="1:11" ht="9.75" customHeight="1">
      <c r="A73" s="40"/>
      <c r="B73" s="70" t="s">
        <v>137</v>
      </c>
      <c r="C73" s="42"/>
      <c r="D73" s="154">
        <v>10466</v>
      </c>
      <c r="E73" s="154">
        <v>5104</v>
      </c>
      <c r="F73" s="154">
        <v>5362</v>
      </c>
      <c r="G73" s="154">
        <v>3875</v>
      </c>
      <c r="H73" s="154">
        <v>10458</v>
      </c>
      <c r="I73" s="154">
        <v>5102</v>
      </c>
      <c r="J73" s="154">
        <v>5356</v>
      </c>
      <c r="K73" s="162">
        <v>3873</v>
      </c>
    </row>
    <row r="74" spans="1:11" ht="9.75" customHeight="1">
      <c r="A74" s="40"/>
      <c r="B74" s="70" t="s">
        <v>138</v>
      </c>
      <c r="C74" s="42"/>
      <c r="D74" s="154">
        <v>17275</v>
      </c>
      <c r="E74" s="154">
        <v>8431</v>
      </c>
      <c r="F74" s="154">
        <v>8844</v>
      </c>
      <c r="G74" s="154">
        <v>6328</v>
      </c>
      <c r="H74" s="154">
        <v>17315</v>
      </c>
      <c r="I74" s="154">
        <v>8450</v>
      </c>
      <c r="J74" s="154">
        <v>8865</v>
      </c>
      <c r="K74" s="162">
        <v>6349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544</v>
      </c>
      <c r="E76" s="157">
        <v>20380</v>
      </c>
      <c r="F76" s="157">
        <v>23164</v>
      </c>
      <c r="G76" s="157">
        <v>19978</v>
      </c>
      <c r="H76" s="157">
        <v>43474</v>
      </c>
      <c r="I76" s="157">
        <v>20368</v>
      </c>
      <c r="J76" s="157">
        <v>23106</v>
      </c>
      <c r="K76" s="163">
        <v>19965</v>
      </c>
    </row>
    <row r="77" spans="1:11" ht="9.75" customHeight="1">
      <c r="A77" s="40"/>
      <c r="B77" s="70" t="s">
        <v>140</v>
      </c>
      <c r="C77" s="42"/>
      <c r="D77" s="154">
        <v>11647</v>
      </c>
      <c r="E77" s="154">
        <v>5550</v>
      </c>
      <c r="F77" s="154">
        <v>6097</v>
      </c>
      <c r="G77" s="154">
        <v>6136</v>
      </c>
      <c r="H77" s="154">
        <v>11647</v>
      </c>
      <c r="I77" s="154">
        <v>5557</v>
      </c>
      <c r="J77" s="154">
        <v>6090</v>
      </c>
      <c r="K77" s="162">
        <v>6148</v>
      </c>
    </row>
    <row r="78" spans="1:11" ht="9.75" customHeight="1">
      <c r="A78" s="40"/>
      <c r="B78" s="70" t="s">
        <v>141</v>
      </c>
      <c r="C78" s="42"/>
      <c r="D78" s="154">
        <v>7179</v>
      </c>
      <c r="E78" s="154">
        <v>3363</v>
      </c>
      <c r="F78" s="154">
        <v>3816</v>
      </c>
      <c r="G78" s="154">
        <v>3055</v>
      </c>
      <c r="H78" s="154">
        <v>7169</v>
      </c>
      <c r="I78" s="154">
        <v>3362</v>
      </c>
      <c r="J78" s="154">
        <v>3807</v>
      </c>
      <c r="K78" s="162">
        <v>3052</v>
      </c>
    </row>
    <row r="79" spans="1:11" ht="9.75" customHeight="1">
      <c r="A79" s="40"/>
      <c r="B79" s="70" t="s">
        <v>142</v>
      </c>
      <c r="C79" s="42"/>
      <c r="D79" s="154">
        <v>24718</v>
      </c>
      <c r="E79" s="154">
        <v>11467</v>
      </c>
      <c r="F79" s="154">
        <v>13251</v>
      </c>
      <c r="G79" s="154">
        <v>10787</v>
      </c>
      <c r="H79" s="154">
        <v>24658</v>
      </c>
      <c r="I79" s="154">
        <v>11449</v>
      </c>
      <c r="J79" s="154">
        <v>13209</v>
      </c>
      <c r="K79" s="162">
        <v>10765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445</v>
      </c>
      <c r="E81" s="157">
        <v>22598</v>
      </c>
      <c r="F81" s="157">
        <v>20847</v>
      </c>
      <c r="G81" s="157">
        <v>17369</v>
      </c>
      <c r="H81" s="157">
        <v>43355</v>
      </c>
      <c r="I81" s="157">
        <v>22544</v>
      </c>
      <c r="J81" s="157">
        <v>20811</v>
      </c>
      <c r="K81" s="163">
        <v>17336</v>
      </c>
    </row>
    <row r="82" spans="1:11" ht="9.75" customHeight="1">
      <c r="A82" s="40"/>
      <c r="B82" s="70" t="s">
        <v>144</v>
      </c>
      <c r="C82" s="42"/>
      <c r="D82" s="154">
        <v>40242</v>
      </c>
      <c r="E82" s="154">
        <v>20956</v>
      </c>
      <c r="F82" s="154">
        <v>19286</v>
      </c>
      <c r="G82" s="154">
        <v>16233</v>
      </c>
      <c r="H82" s="154">
        <v>40167</v>
      </c>
      <c r="I82" s="154">
        <v>20910</v>
      </c>
      <c r="J82" s="154">
        <v>19257</v>
      </c>
      <c r="K82" s="162">
        <v>16198</v>
      </c>
    </row>
    <row r="83" spans="1:11" ht="9.75" customHeight="1">
      <c r="A83" s="40"/>
      <c r="B83" s="70" t="s">
        <v>145</v>
      </c>
      <c r="C83" s="42"/>
      <c r="D83" s="154">
        <v>3203</v>
      </c>
      <c r="E83" s="154">
        <v>1642</v>
      </c>
      <c r="F83" s="154">
        <v>1561</v>
      </c>
      <c r="G83" s="154">
        <v>1136</v>
      </c>
      <c r="H83" s="154">
        <v>3188</v>
      </c>
      <c r="I83" s="154">
        <v>1634</v>
      </c>
      <c r="J83" s="154">
        <v>1554</v>
      </c>
      <c r="K83" s="162">
        <v>1138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72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73</v>
      </c>
      <c r="E3" s="198"/>
      <c r="F3" s="198"/>
      <c r="G3" s="256"/>
      <c r="H3" s="209" t="s">
        <v>174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48549</v>
      </c>
      <c r="E6" s="20">
        <v>4567384</v>
      </c>
      <c r="F6" s="20">
        <v>4581165</v>
      </c>
      <c r="G6" s="20">
        <v>4025443</v>
      </c>
      <c r="H6" s="20">
        <v>9148109</v>
      </c>
      <c r="I6" s="20">
        <v>4567023</v>
      </c>
      <c r="J6" s="20">
        <v>4581086</v>
      </c>
      <c r="K6" s="160">
        <v>4025773</v>
      </c>
    </row>
    <row r="7" spans="1:22" s="32" customFormat="1" ht="9.75" customHeight="1">
      <c r="A7" s="253" t="s">
        <v>81</v>
      </c>
      <c r="B7" s="254"/>
      <c r="C7" s="35"/>
      <c r="D7" s="151">
        <v>8856554</v>
      </c>
      <c r="E7" s="151">
        <v>4423805</v>
      </c>
      <c r="F7" s="151">
        <v>4432749</v>
      </c>
      <c r="G7" s="151">
        <v>3908570</v>
      </c>
      <c r="H7" s="151">
        <v>8856196</v>
      </c>
      <c r="I7" s="151">
        <v>4423422</v>
      </c>
      <c r="J7" s="151">
        <v>4432774</v>
      </c>
      <c r="K7" s="161">
        <v>3908852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1995</v>
      </c>
      <c r="E8" s="151">
        <v>143579</v>
      </c>
      <c r="F8" s="151">
        <v>148416</v>
      </c>
      <c r="G8" s="151">
        <v>116873</v>
      </c>
      <c r="H8" s="151">
        <v>291913</v>
      </c>
      <c r="I8" s="151">
        <v>143601</v>
      </c>
      <c r="J8" s="151">
        <v>148312</v>
      </c>
      <c r="K8" s="161">
        <v>116921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32768</v>
      </c>
      <c r="E10" s="157">
        <v>1858235</v>
      </c>
      <c r="F10" s="157">
        <v>1874533</v>
      </c>
      <c r="G10" s="157">
        <v>1661687</v>
      </c>
      <c r="H10" s="157">
        <v>3732092</v>
      </c>
      <c r="I10" s="157">
        <v>1857710</v>
      </c>
      <c r="J10" s="157">
        <v>1874382</v>
      </c>
      <c r="K10" s="163">
        <v>1661280</v>
      </c>
    </row>
    <row r="11" spans="1:22" ht="9.75" customHeight="1">
      <c r="A11" s="40"/>
      <c r="B11" s="70" t="s">
        <v>84</v>
      </c>
      <c r="C11" s="42"/>
      <c r="D11" s="154">
        <v>287318</v>
      </c>
      <c r="E11" s="154">
        <v>148603</v>
      </c>
      <c r="F11" s="154">
        <v>138715</v>
      </c>
      <c r="G11" s="154">
        <v>134490</v>
      </c>
      <c r="H11" s="154">
        <v>287414</v>
      </c>
      <c r="I11" s="154">
        <v>148577</v>
      </c>
      <c r="J11" s="154">
        <v>138837</v>
      </c>
      <c r="K11" s="162">
        <v>134515</v>
      </c>
    </row>
    <row r="12" spans="1:22" ht="9.75" customHeight="1">
      <c r="A12" s="40"/>
      <c r="B12" s="70" t="s">
        <v>85</v>
      </c>
      <c r="C12" s="42"/>
      <c r="D12" s="154">
        <v>240127</v>
      </c>
      <c r="E12" s="154">
        <v>122308</v>
      </c>
      <c r="F12" s="154">
        <v>117819</v>
      </c>
      <c r="G12" s="154">
        <v>120955</v>
      </c>
      <c r="H12" s="154">
        <v>240218</v>
      </c>
      <c r="I12" s="154">
        <v>122331</v>
      </c>
      <c r="J12" s="154">
        <v>117887</v>
      </c>
      <c r="K12" s="162">
        <v>120990</v>
      </c>
    </row>
    <row r="13" spans="1:22" ht="9.75" customHeight="1">
      <c r="A13" s="40"/>
      <c r="B13" s="70" t="s">
        <v>86</v>
      </c>
      <c r="C13" s="42"/>
      <c r="D13" s="154">
        <v>98790</v>
      </c>
      <c r="E13" s="154">
        <v>49945</v>
      </c>
      <c r="F13" s="154">
        <v>48845</v>
      </c>
      <c r="G13" s="154">
        <v>52126</v>
      </c>
      <c r="H13" s="154">
        <v>98762</v>
      </c>
      <c r="I13" s="154">
        <v>49921</v>
      </c>
      <c r="J13" s="154">
        <v>48841</v>
      </c>
      <c r="K13" s="162">
        <v>52102</v>
      </c>
    </row>
    <row r="14" spans="1:22" ht="9.75" customHeight="1">
      <c r="A14" s="40"/>
      <c r="B14" s="70" t="s">
        <v>87</v>
      </c>
      <c r="C14" s="42"/>
      <c r="D14" s="154">
        <v>149093</v>
      </c>
      <c r="E14" s="154">
        <v>78355</v>
      </c>
      <c r="F14" s="154">
        <v>70738</v>
      </c>
      <c r="G14" s="154">
        <v>79550</v>
      </c>
      <c r="H14" s="154">
        <v>149129</v>
      </c>
      <c r="I14" s="154">
        <v>78354</v>
      </c>
      <c r="J14" s="154">
        <v>70775</v>
      </c>
      <c r="K14" s="162">
        <v>79541</v>
      </c>
    </row>
    <row r="15" spans="1:22" ht="9.75" customHeight="1">
      <c r="A15" s="40"/>
      <c r="B15" s="70" t="s">
        <v>88</v>
      </c>
      <c r="C15" s="42"/>
      <c r="D15" s="154">
        <v>194965</v>
      </c>
      <c r="E15" s="154">
        <v>97074</v>
      </c>
      <c r="F15" s="154">
        <v>97891</v>
      </c>
      <c r="G15" s="154">
        <v>96469</v>
      </c>
      <c r="H15" s="154">
        <v>194976</v>
      </c>
      <c r="I15" s="154">
        <v>97104</v>
      </c>
      <c r="J15" s="154">
        <v>97872</v>
      </c>
      <c r="K15" s="162">
        <v>96464</v>
      </c>
    </row>
    <row r="16" spans="1:22" ht="9.75" customHeight="1">
      <c r="A16" s="40"/>
      <c r="B16" s="70" t="s">
        <v>89</v>
      </c>
      <c r="C16" s="42"/>
      <c r="D16" s="154">
        <v>214751</v>
      </c>
      <c r="E16" s="154">
        <v>105501</v>
      </c>
      <c r="F16" s="154">
        <v>109250</v>
      </c>
      <c r="G16" s="154">
        <v>91628</v>
      </c>
      <c r="H16" s="154">
        <v>214659</v>
      </c>
      <c r="I16" s="154">
        <v>105478</v>
      </c>
      <c r="J16" s="154">
        <v>109181</v>
      </c>
      <c r="K16" s="162">
        <v>91627</v>
      </c>
    </row>
    <row r="17" spans="1:11" ht="9.75" customHeight="1">
      <c r="A17" s="40"/>
      <c r="B17" s="70" t="s">
        <v>90</v>
      </c>
      <c r="C17" s="42"/>
      <c r="D17" s="154">
        <v>206509</v>
      </c>
      <c r="E17" s="154">
        <v>102780</v>
      </c>
      <c r="F17" s="154">
        <v>103729</v>
      </c>
      <c r="G17" s="154">
        <v>93940</v>
      </c>
      <c r="H17" s="154">
        <v>206522</v>
      </c>
      <c r="I17" s="154">
        <v>102785</v>
      </c>
      <c r="J17" s="154">
        <v>103737</v>
      </c>
      <c r="K17" s="162">
        <v>93947</v>
      </c>
    </row>
    <row r="18" spans="1:11" ht="9.75" customHeight="1">
      <c r="A18" s="40"/>
      <c r="B18" s="70" t="s">
        <v>91</v>
      </c>
      <c r="C18" s="42"/>
      <c r="D18" s="154">
        <v>246839</v>
      </c>
      <c r="E18" s="154">
        <v>119890</v>
      </c>
      <c r="F18" s="154">
        <v>126949</v>
      </c>
      <c r="G18" s="154">
        <v>103613</v>
      </c>
      <c r="H18" s="154">
        <v>246646</v>
      </c>
      <c r="I18" s="154">
        <v>119766</v>
      </c>
      <c r="J18" s="154">
        <v>126880</v>
      </c>
      <c r="K18" s="162">
        <v>103566</v>
      </c>
    </row>
    <row r="19" spans="1:11" ht="9.75" customHeight="1">
      <c r="A19" s="40"/>
      <c r="B19" s="70" t="s">
        <v>92</v>
      </c>
      <c r="C19" s="42"/>
      <c r="D19" s="154">
        <v>166681</v>
      </c>
      <c r="E19" s="154">
        <v>82101</v>
      </c>
      <c r="F19" s="154">
        <v>84580</v>
      </c>
      <c r="G19" s="154">
        <v>75370</v>
      </c>
      <c r="H19" s="154">
        <v>166478</v>
      </c>
      <c r="I19" s="154">
        <v>81978</v>
      </c>
      <c r="J19" s="154">
        <v>84500</v>
      </c>
      <c r="K19" s="162">
        <v>75295</v>
      </c>
    </row>
    <row r="20" spans="1:11" ht="9.75" customHeight="1">
      <c r="A20" s="40"/>
      <c r="B20" s="70" t="s">
        <v>93</v>
      </c>
      <c r="C20" s="42"/>
      <c r="D20" s="154">
        <v>201400</v>
      </c>
      <c r="E20" s="154">
        <v>98659</v>
      </c>
      <c r="F20" s="154">
        <v>102741</v>
      </c>
      <c r="G20" s="154">
        <v>87482</v>
      </c>
      <c r="H20" s="154">
        <v>201065</v>
      </c>
      <c r="I20" s="154">
        <v>98611</v>
      </c>
      <c r="J20" s="154">
        <v>102454</v>
      </c>
      <c r="K20" s="162">
        <v>87212</v>
      </c>
    </row>
    <row r="21" spans="1:11" ht="9.75" customHeight="1">
      <c r="A21" s="40"/>
      <c r="B21" s="70" t="s">
        <v>94</v>
      </c>
      <c r="C21" s="42"/>
      <c r="D21" s="154">
        <v>346799</v>
      </c>
      <c r="E21" s="154">
        <v>175554</v>
      </c>
      <c r="F21" s="154">
        <v>171245</v>
      </c>
      <c r="G21" s="154">
        <v>164993</v>
      </c>
      <c r="H21" s="154">
        <v>346816</v>
      </c>
      <c r="I21" s="154">
        <v>175524</v>
      </c>
      <c r="J21" s="154">
        <v>171292</v>
      </c>
      <c r="K21" s="162">
        <v>164951</v>
      </c>
    </row>
    <row r="22" spans="1:11" ht="9.75" customHeight="1">
      <c r="A22" s="40"/>
      <c r="B22" s="70" t="s">
        <v>95</v>
      </c>
      <c r="C22" s="42"/>
      <c r="D22" s="154">
        <v>181213</v>
      </c>
      <c r="E22" s="154">
        <v>89344</v>
      </c>
      <c r="F22" s="154">
        <v>91869</v>
      </c>
      <c r="G22" s="154">
        <v>75576</v>
      </c>
      <c r="H22" s="154">
        <v>181214</v>
      </c>
      <c r="I22" s="154">
        <v>89365</v>
      </c>
      <c r="J22" s="154">
        <v>91849</v>
      </c>
      <c r="K22" s="162">
        <v>75606</v>
      </c>
    </row>
    <row r="23" spans="1:11" ht="9.75" customHeight="1">
      <c r="A23" s="40"/>
      <c r="B23" s="70" t="s">
        <v>96</v>
      </c>
      <c r="C23" s="42"/>
      <c r="D23" s="154">
        <v>310456</v>
      </c>
      <c r="E23" s="154">
        <v>151286</v>
      </c>
      <c r="F23" s="154">
        <v>159170</v>
      </c>
      <c r="G23" s="154">
        <v>126452</v>
      </c>
      <c r="H23" s="154">
        <v>310418</v>
      </c>
      <c r="I23" s="154">
        <v>151184</v>
      </c>
      <c r="J23" s="154">
        <v>159234</v>
      </c>
      <c r="K23" s="162">
        <v>126426</v>
      </c>
    </row>
    <row r="24" spans="1:11" ht="9.75" customHeight="1">
      <c r="A24" s="40"/>
      <c r="B24" s="70" t="s">
        <v>97</v>
      </c>
      <c r="C24" s="42"/>
      <c r="D24" s="154">
        <v>212385</v>
      </c>
      <c r="E24" s="154">
        <v>106137</v>
      </c>
      <c r="F24" s="154">
        <v>106248</v>
      </c>
      <c r="G24" s="154">
        <v>81446</v>
      </c>
      <c r="H24" s="154">
        <v>212347</v>
      </c>
      <c r="I24" s="154">
        <v>106124</v>
      </c>
      <c r="J24" s="154">
        <v>106223</v>
      </c>
      <c r="K24" s="162">
        <v>81433</v>
      </c>
    </row>
    <row r="25" spans="1:11" ht="9.75" customHeight="1">
      <c r="A25" s="40"/>
      <c r="B25" s="70" t="s">
        <v>98</v>
      </c>
      <c r="C25" s="42"/>
      <c r="D25" s="154">
        <v>275931</v>
      </c>
      <c r="E25" s="154">
        <v>135388</v>
      </c>
      <c r="F25" s="154">
        <v>140543</v>
      </c>
      <c r="G25" s="154">
        <v>114638</v>
      </c>
      <c r="H25" s="154">
        <v>276040</v>
      </c>
      <c r="I25" s="154">
        <v>135392</v>
      </c>
      <c r="J25" s="154">
        <v>140648</v>
      </c>
      <c r="K25" s="162">
        <v>114622</v>
      </c>
    </row>
    <row r="26" spans="1:11" ht="9.75" customHeight="1">
      <c r="A26" s="40"/>
      <c r="B26" s="70" t="s">
        <v>99</v>
      </c>
      <c r="C26" s="42"/>
      <c r="D26" s="154">
        <v>121550</v>
      </c>
      <c r="E26" s="154">
        <v>59420</v>
      </c>
      <c r="F26" s="154">
        <v>62130</v>
      </c>
      <c r="G26" s="154">
        <v>51023</v>
      </c>
      <c r="H26" s="154">
        <v>121410</v>
      </c>
      <c r="I26" s="154">
        <v>59333</v>
      </c>
      <c r="J26" s="154">
        <v>62077</v>
      </c>
      <c r="K26" s="162">
        <v>50971</v>
      </c>
    </row>
    <row r="27" spans="1:11" ht="9.75" customHeight="1">
      <c r="A27" s="40"/>
      <c r="B27" s="70" t="s">
        <v>100</v>
      </c>
      <c r="C27" s="42"/>
      <c r="D27" s="154">
        <v>153743</v>
      </c>
      <c r="E27" s="154">
        <v>75226</v>
      </c>
      <c r="F27" s="154">
        <v>78517</v>
      </c>
      <c r="G27" s="154">
        <v>61215</v>
      </c>
      <c r="H27" s="154">
        <v>153721</v>
      </c>
      <c r="I27" s="154">
        <v>75205</v>
      </c>
      <c r="J27" s="154">
        <v>78516</v>
      </c>
      <c r="K27" s="162">
        <v>61223</v>
      </c>
    </row>
    <row r="28" spans="1:11" ht="9.75" customHeight="1">
      <c r="A28" s="40"/>
      <c r="B28" s="70" t="s">
        <v>101</v>
      </c>
      <c r="C28" s="42"/>
      <c r="D28" s="154">
        <v>124218</v>
      </c>
      <c r="E28" s="154">
        <v>60664</v>
      </c>
      <c r="F28" s="154">
        <v>63554</v>
      </c>
      <c r="G28" s="154">
        <v>50721</v>
      </c>
      <c r="H28" s="154">
        <v>124257</v>
      </c>
      <c r="I28" s="154">
        <v>60678</v>
      </c>
      <c r="J28" s="154">
        <v>63579</v>
      </c>
      <c r="K28" s="162">
        <v>50789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90269</v>
      </c>
      <c r="E30" s="157">
        <v>756246</v>
      </c>
      <c r="F30" s="157">
        <v>734023</v>
      </c>
      <c r="G30" s="157">
        <v>704423</v>
      </c>
      <c r="H30" s="157">
        <v>1491012</v>
      </c>
      <c r="I30" s="157">
        <v>756633</v>
      </c>
      <c r="J30" s="157">
        <v>734379</v>
      </c>
      <c r="K30" s="163">
        <v>704628</v>
      </c>
    </row>
    <row r="31" spans="1:11" ht="9.75" customHeight="1">
      <c r="A31" s="40"/>
      <c r="B31" s="70" t="s">
        <v>103</v>
      </c>
      <c r="C31" s="42"/>
      <c r="D31" s="154">
        <v>226777</v>
      </c>
      <c r="E31" s="154">
        <v>121524</v>
      </c>
      <c r="F31" s="154">
        <v>105253</v>
      </c>
      <c r="G31" s="154">
        <v>113083</v>
      </c>
      <c r="H31" s="154">
        <v>226819</v>
      </c>
      <c r="I31" s="154">
        <v>121571</v>
      </c>
      <c r="J31" s="154">
        <v>105248</v>
      </c>
      <c r="K31" s="162">
        <v>113169</v>
      </c>
    </row>
    <row r="32" spans="1:11" ht="9.75" customHeight="1">
      <c r="A32" s="40"/>
      <c r="B32" s="70" t="s">
        <v>104</v>
      </c>
      <c r="C32" s="42"/>
      <c r="D32" s="154">
        <v>162776</v>
      </c>
      <c r="E32" s="154">
        <v>82139</v>
      </c>
      <c r="F32" s="154">
        <v>80637</v>
      </c>
      <c r="G32" s="154">
        <v>76542</v>
      </c>
      <c r="H32" s="154">
        <v>162946</v>
      </c>
      <c r="I32" s="154">
        <v>82251</v>
      </c>
      <c r="J32" s="154">
        <v>80695</v>
      </c>
      <c r="K32" s="162">
        <v>76631</v>
      </c>
    </row>
    <row r="33" spans="1:11" ht="9.75" customHeight="1">
      <c r="A33" s="40"/>
      <c r="B33" s="70" t="s">
        <v>105</v>
      </c>
      <c r="C33" s="42"/>
      <c r="D33" s="154">
        <v>251394</v>
      </c>
      <c r="E33" s="154">
        <v>128833</v>
      </c>
      <c r="F33" s="154">
        <v>122561</v>
      </c>
      <c r="G33" s="154">
        <v>125979</v>
      </c>
      <c r="H33" s="154">
        <v>251500</v>
      </c>
      <c r="I33" s="154">
        <v>128866</v>
      </c>
      <c r="J33" s="154">
        <v>122634</v>
      </c>
      <c r="K33" s="162">
        <v>125939</v>
      </c>
    </row>
    <row r="34" spans="1:11" ht="9.75" customHeight="1">
      <c r="A34" s="40"/>
      <c r="B34" s="70" t="s">
        <v>106</v>
      </c>
      <c r="C34" s="42"/>
      <c r="D34" s="154">
        <v>229746</v>
      </c>
      <c r="E34" s="154">
        <v>115706</v>
      </c>
      <c r="F34" s="154">
        <v>114040</v>
      </c>
      <c r="G34" s="154">
        <v>109246</v>
      </c>
      <c r="H34" s="154">
        <v>229758</v>
      </c>
      <c r="I34" s="154">
        <v>115758</v>
      </c>
      <c r="J34" s="154">
        <v>114000</v>
      </c>
      <c r="K34" s="162">
        <v>109196</v>
      </c>
    </row>
    <row r="35" spans="1:11" ht="9.75" customHeight="1">
      <c r="A35" s="40"/>
      <c r="B35" s="70" t="s">
        <v>107</v>
      </c>
      <c r="C35" s="42"/>
      <c r="D35" s="154">
        <v>227607</v>
      </c>
      <c r="E35" s="154">
        <v>111642</v>
      </c>
      <c r="F35" s="154">
        <v>115965</v>
      </c>
      <c r="G35" s="154">
        <v>96348</v>
      </c>
      <c r="H35" s="154">
        <v>227907</v>
      </c>
      <c r="I35" s="154">
        <v>111759</v>
      </c>
      <c r="J35" s="154">
        <v>116148</v>
      </c>
      <c r="K35" s="162">
        <v>96466</v>
      </c>
    </row>
    <row r="36" spans="1:11" ht="9.75" customHeight="1">
      <c r="A36" s="40"/>
      <c r="B36" s="70" t="s">
        <v>108</v>
      </c>
      <c r="C36" s="42"/>
      <c r="D36" s="154">
        <v>215498</v>
      </c>
      <c r="E36" s="154">
        <v>110536</v>
      </c>
      <c r="F36" s="154">
        <v>104962</v>
      </c>
      <c r="G36" s="154">
        <v>108106</v>
      </c>
      <c r="H36" s="154">
        <v>215555</v>
      </c>
      <c r="I36" s="154">
        <v>110539</v>
      </c>
      <c r="J36" s="154">
        <v>105016</v>
      </c>
      <c r="K36" s="162">
        <v>108092</v>
      </c>
    </row>
    <row r="37" spans="1:11" ht="9.75" customHeight="1">
      <c r="A37" s="40"/>
      <c r="B37" s="70" t="s">
        <v>109</v>
      </c>
      <c r="C37" s="42"/>
      <c r="D37" s="154">
        <v>176471</v>
      </c>
      <c r="E37" s="154">
        <v>85866</v>
      </c>
      <c r="F37" s="154">
        <v>90605</v>
      </c>
      <c r="G37" s="154">
        <v>75119</v>
      </c>
      <c r="H37" s="154">
        <v>176527</v>
      </c>
      <c r="I37" s="154">
        <v>85889</v>
      </c>
      <c r="J37" s="154">
        <v>90638</v>
      </c>
      <c r="K37" s="162">
        <v>75135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1770</v>
      </c>
      <c r="E39" s="157">
        <v>361358</v>
      </c>
      <c r="F39" s="157">
        <v>360412</v>
      </c>
      <c r="G39" s="157">
        <v>315351</v>
      </c>
      <c r="H39" s="157">
        <v>721566</v>
      </c>
      <c r="I39" s="157">
        <v>361266</v>
      </c>
      <c r="J39" s="157">
        <v>360300</v>
      </c>
      <c r="K39" s="163">
        <v>315423</v>
      </c>
    </row>
    <row r="40" spans="1:11" ht="9.75" customHeight="1">
      <c r="A40" s="40"/>
      <c r="B40" s="70" t="s">
        <v>95</v>
      </c>
      <c r="C40" s="42"/>
      <c r="D40" s="154">
        <v>173212</v>
      </c>
      <c r="E40" s="154">
        <v>87226</v>
      </c>
      <c r="F40" s="154">
        <v>85986</v>
      </c>
      <c r="G40" s="154">
        <v>72054</v>
      </c>
      <c r="H40" s="154">
        <v>173137</v>
      </c>
      <c r="I40" s="154">
        <v>87201</v>
      </c>
      <c r="J40" s="154">
        <v>85936</v>
      </c>
      <c r="K40" s="162">
        <v>72051</v>
      </c>
    </row>
    <row r="41" spans="1:11" ht="9.75" customHeight="1">
      <c r="A41" s="40"/>
      <c r="B41" s="70" t="s">
        <v>111</v>
      </c>
      <c r="C41" s="42"/>
      <c r="D41" s="154">
        <v>270802</v>
      </c>
      <c r="E41" s="154">
        <v>136160</v>
      </c>
      <c r="F41" s="154">
        <v>134642</v>
      </c>
      <c r="G41" s="154">
        <v>118101</v>
      </c>
      <c r="H41" s="154">
        <v>270800</v>
      </c>
      <c r="I41" s="154">
        <v>136151</v>
      </c>
      <c r="J41" s="154">
        <v>134649</v>
      </c>
      <c r="K41" s="162">
        <v>118177</v>
      </c>
    </row>
    <row r="42" spans="1:11" ht="9.75" customHeight="1">
      <c r="A42" s="40"/>
      <c r="B42" s="70" t="s">
        <v>88</v>
      </c>
      <c r="C42" s="42"/>
      <c r="D42" s="154">
        <v>277756</v>
      </c>
      <c r="E42" s="154">
        <v>137972</v>
      </c>
      <c r="F42" s="154">
        <v>139784</v>
      </c>
      <c r="G42" s="154">
        <v>125196</v>
      </c>
      <c r="H42" s="154">
        <v>277629</v>
      </c>
      <c r="I42" s="154">
        <v>137914</v>
      </c>
      <c r="J42" s="154">
        <v>139715</v>
      </c>
      <c r="K42" s="162">
        <v>125195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3779</v>
      </c>
      <c r="E44" s="154">
        <v>201538</v>
      </c>
      <c r="F44" s="154">
        <v>202241</v>
      </c>
      <c r="G44" s="154">
        <v>166235</v>
      </c>
      <c r="H44" s="154">
        <v>403565</v>
      </c>
      <c r="I44" s="154">
        <v>201434</v>
      </c>
      <c r="J44" s="154">
        <v>202131</v>
      </c>
      <c r="K44" s="162">
        <v>166268</v>
      </c>
    </row>
    <row r="45" spans="1:11" ht="9.75" customHeight="1">
      <c r="A45" s="249" t="s">
        <v>113</v>
      </c>
      <c r="B45" s="250"/>
      <c r="C45" s="42"/>
      <c r="D45" s="154">
        <v>258205</v>
      </c>
      <c r="E45" s="154">
        <v>129513</v>
      </c>
      <c r="F45" s="154">
        <v>128692</v>
      </c>
      <c r="G45" s="154">
        <v>108580</v>
      </c>
      <c r="H45" s="154">
        <v>258159</v>
      </c>
      <c r="I45" s="154">
        <v>129478</v>
      </c>
      <c r="J45" s="154">
        <v>128681</v>
      </c>
      <c r="K45" s="162">
        <v>108622</v>
      </c>
    </row>
    <row r="46" spans="1:11" ht="9.75" customHeight="1">
      <c r="A46" s="249" t="s">
        <v>114</v>
      </c>
      <c r="B46" s="250"/>
      <c r="C46" s="42"/>
      <c r="D46" s="154">
        <v>172277</v>
      </c>
      <c r="E46" s="154">
        <v>81140</v>
      </c>
      <c r="F46" s="154">
        <v>91137</v>
      </c>
      <c r="G46" s="154">
        <v>73131</v>
      </c>
      <c r="H46" s="154">
        <v>172294</v>
      </c>
      <c r="I46" s="154">
        <v>81169</v>
      </c>
      <c r="J46" s="154">
        <v>91125</v>
      </c>
      <c r="K46" s="162">
        <v>73173</v>
      </c>
    </row>
    <row r="47" spans="1:11" ht="9.75" customHeight="1">
      <c r="A47" s="249" t="s">
        <v>115</v>
      </c>
      <c r="B47" s="250"/>
      <c r="C47" s="42"/>
      <c r="D47" s="154">
        <v>426999</v>
      </c>
      <c r="E47" s="154">
        <v>211466</v>
      </c>
      <c r="F47" s="154">
        <v>215533</v>
      </c>
      <c r="G47" s="154">
        <v>182980</v>
      </c>
      <c r="H47" s="154">
        <v>427044</v>
      </c>
      <c r="I47" s="154">
        <v>211475</v>
      </c>
      <c r="J47" s="154">
        <v>215569</v>
      </c>
      <c r="K47" s="162">
        <v>183026</v>
      </c>
    </row>
    <row r="48" spans="1:11" ht="9.75" customHeight="1">
      <c r="A48" s="249" t="s">
        <v>116</v>
      </c>
      <c r="B48" s="250"/>
      <c r="C48" s="42"/>
      <c r="D48" s="154">
        <v>193326</v>
      </c>
      <c r="E48" s="154">
        <v>94217</v>
      </c>
      <c r="F48" s="154">
        <v>99109</v>
      </c>
      <c r="G48" s="154">
        <v>80017</v>
      </c>
      <c r="H48" s="154">
        <v>193279</v>
      </c>
      <c r="I48" s="154">
        <v>94192</v>
      </c>
      <c r="J48" s="154">
        <v>99087</v>
      </c>
      <c r="K48" s="162">
        <v>80048</v>
      </c>
    </row>
    <row r="49" spans="1:11" ht="9.75" customHeight="1">
      <c r="A49" s="249" t="s">
        <v>117</v>
      </c>
      <c r="B49" s="250"/>
      <c r="C49" s="42"/>
      <c r="D49" s="154">
        <v>240086</v>
      </c>
      <c r="E49" s="154">
        <v>117089</v>
      </c>
      <c r="F49" s="154">
        <v>122997</v>
      </c>
      <c r="G49" s="154">
        <v>99172</v>
      </c>
      <c r="H49" s="154">
        <v>240123</v>
      </c>
      <c r="I49" s="154">
        <v>117103</v>
      </c>
      <c r="J49" s="154">
        <v>123020</v>
      </c>
      <c r="K49" s="162">
        <v>99223</v>
      </c>
    </row>
    <row r="50" spans="1:11" ht="9.75" customHeight="1">
      <c r="A50" s="249" t="s">
        <v>118</v>
      </c>
      <c r="B50" s="250"/>
      <c r="C50" s="42"/>
      <c r="D50" s="154">
        <v>57581</v>
      </c>
      <c r="E50" s="154">
        <v>26919</v>
      </c>
      <c r="F50" s="154">
        <v>30662</v>
      </c>
      <c r="G50" s="154">
        <v>24441</v>
      </c>
      <c r="H50" s="154">
        <v>57591</v>
      </c>
      <c r="I50" s="154">
        <v>26912</v>
      </c>
      <c r="J50" s="154">
        <v>30679</v>
      </c>
      <c r="K50" s="162">
        <v>24460</v>
      </c>
    </row>
    <row r="51" spans="1:11" ht="9.75" customHeight="1">
      <c r="A51" s="249" t="s">
        <v>119</v>
      </c>
      <c r="B51" s="250"/>
      <c r="C51" s="42"/>
      <c r="D51" s="154">
        <v>44606</v>
      </c>
      <c r="E51" s="154">
        <v>21477</v>
      </c>
      <c r="F51" s="154">
        <v>23129</v>
      </c>
      <c r="G51" s="154">
        <v>17555</v>
      </c>
      <c r="H51" s="154">
        <v>44516</v>
      </c>
      <c r="I51" s="154">
        <v>21439</v>
      </c>
      <c r="J51" s="154">
        <v>23077</v>
      </c>
      <c r="K51" s="162">
        <v>17537</v>
      </c>
    </row>
    <row r="52" spans="1:11" ht="9.75" customHeight="1">
      <c r="A52" s="249" t="s">
        <v>120</v>
      </c>
      <c r="B52" s="250"/>
      <c r="C52" s="42"/>
      <c r="D52" s="154">
        <v>166635</v>
      </c>
      <c r="E52" s="154">
        <v>85190</v>
      </c>
      <c r="F52" s="154">
        <v>81445</v>
      </c>
      <c r="G52" s="154">
        <v>70370</v>
      </c>
      <c r="H52" s="154">
        <v>166607</v>
      </c>
      <c r="I52" s="154">
        <v>85182</v>
      </c>
      <c r="J52" s="154">
        <v>81425</v>
      </c>
      <c r="K52" s="162">
        <v>70368</v>
      </c>
    </row>
    <row r="53" spans="1:11" ht="9.75" customHeight="1">
      <c r="A53" s="249" t="s">
        <v>121</v>
      </c>
      <c r="B53" s="250"/>
      <c r="C53" s="42"/>
      <c r="D53" s="154">
        <v>225605</v>
      </c>
      <c r="E53" s="154">
        <v>116521</v>
      </c>
      <c r="F53" s="154">
        <v>109084</v>
      </c>
      <c r="G53" s="154">
        <v>96844</v>
      </c>
      <c r="H53" s="154">
        <v>225562</v>
      </c>
      <c r="I53" s="154">
        <v>116484</v>
      </c>
      <c r="J53" s="154">
        <v>109078</v>
      </c>
      <c r="K53" s="162">
        <v>96850</v>
      </c>
    </row>
    <row r="54" spans="1:11" ht="9.75" customHeight="1">
      <c r="A54" s="249" t="s">
        <v>122</v>
      </c>
      <c r="B54" s="250"/>
      <c r="C54" s="42"/>
      <c r="D54" s="154">
        <v>234028</v>
      </c>
      <c r="E54" s="154">
        <v>117117</v>
      </c>
      <c r="F54" s="154">
        <v>116911</v>
      </c>
      <c r="G54" s="154">
        <v>103391</v>
      </c>
      <c r="H54" s="154">
        <v>234182</v>
      </c>
      <c r="I54" s="154">
        <v>117187</v>
      </c>
      <c r="J54" s="154">
        <v>116995</v>
      </c>
      <c r="K54" s="162">
        <v>103478</v>
      </c>
    </row>
    <row r="55" spans="1:11" ht="9.75" customHeight="1">
      <c r="A55" s="249" t="s">
        <v>123</v>
      </c>
      <c r="B55" s="250"/>
      <c r="C55" s="42"/>
      <c r="D55" s="154">
        <v>101780</v>
      </c>
      <c r="E55" s="154">
        <v>51575</v>
      </c>
      <c r="F55" s="154">
        <v>50205</v>
      </c>
      <c r="G55" s="154">
        <v>43620</v>
      </c>
      <c r="H55" s="154">
        <v>101831</v>
      </c>
      <c r="I55" s="154">
        <v>51592</v>
      </c>
      <c r="J55" s="154">
        <v>50239</v>
      </c>
      <c r="K55" s="162">
        <v>43674</v>
      </c>
    </row>
    <row r="56" spans="1:11" ht="9.75" customHeight="1">
      <c r="A56" s="249" t="s">
        <v>124</v>
      </c>
      <c r="B56" s="250"/>
      <c r="C56" s="42"/>
      <c r="D56" s="154">
        <v>130678</v>
      </c>
      <c r="E56" s="154">
        <v>65739</v>
      </c>
      <c r="F56" s="154">
        <v>64939</v>
      </c>
      <c r="G56" s="154">
        <v>54209</v>
      </c>
      <c r="H56" s="154">
        <v>130680</v>
      </c>
      <c r="I56" s="154">
        <v>65745</v>
      </c>
      <c r="J56" s="154">
        <v>64935</v>
      </c>
      <c r="K56" s="162">
        <v>54216</v>
      </c>
    </row>
    <row r="57" spans="1:11" ht="9.75" customHeight="1">
      <c r="A57" s="249" t="s">
        <v>125</v>
      </c>
      <c r="B57" s="250"/>
      <c r="C57" s="42"/>
      <c r="D57" s="154">
        <v>128880</v>
      </c>
      <c r="E57" s="154">
        <v>64494</v>
      </c>
      <c r="F57" s="154">
        <v>64386</v>
      </c>
      <c r="G57" s="154">
        <v>56591</v>
      </c>
      <c r="H57" s="154">
        <v>128817</v>
      </c>
      <c r="I57" s="154">
        <v>64445</v>
      </c>
      <c r="J57" s="154">
        <v>64372</v>
      </c>
      <c r="K57" s="162">
        <v>56588</v>
      </c>
    </row>
    <row r="58" spans="1:11" ht="9.75" customHeight="1">
      <c r="A58" s="249" t="s">
        <v>126</v>
      </c>
      <c r="B58" s="250"/>
      <c r="C58" s="42"/>
      <c r="D58" s="154">
        <v>42855</v>
      </c>
      <c r="E58" s="154">
        <v>21108</v>
      </c>
      <c r="F58" s="154">
        <v>21747</v>
      </c>
      <c r="G58" s="154">
        <v>16275</v>
      </c>
      <c r="H58" s="154">
        <v>42870</v>
      </c>
      <c r="I58" s="154">
        <v>21116</v>
      </c>
      <c r="J58" s="154">
        <v>21754</v>
      </c>
      <c r="K58" s="162">
        <v>16278</v>
      </c>
    </row>
    <row r="59" spans="1:11" ht="9.75" customHeight="1">
      <c r="A59" s="249" t="s">
        <v>127</v>
      </c>
      <c r="B59" s="250"/>
      <c r="C59" s="42"/>
      <c r="D59" s="154">
        <v>84427</v>
      </c>
      <c r="E59" s="154">
        <v>42863</v>
      </c>
      <c r="F59" s="154">
        <v>41564</v>
      </c>
      <c r="G59" s="154">
        <v>33698</v>
      </c>
      <c r="H59" s="154">
        <v>84406</v>
      </c>
      <c r="I59" s="154">
        <v>42860</v>
      </c>
      <c r="J59" s="154">
        <v>41546</v>
      </c>
      <c r="K59" s="162">
        <v>33712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4">
        <v>32091</v>
      </c>
      <c r="E61" s="154">
        <v>15145</v>
      </c>
      <c r="F61" s="154">
        <v>16946</v>
      </c>
      <c r="G61" s="154">
        <v>12603</v>
      </c>
      <c r="H61" s="154">
        <v>32068</v>
      </c>
      <c r="I61" s="154">
        <v>15129</v>
      </c>
      <c r="J61" s="154">
        <v>16939</v>
      </c>
      <c r="K61" s="162">
        <v>12612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4">
        <v>48114</v>
      </c>
      <c r="E63" s="154">
        <v>24394</v>
      </c>
      <c r="F63" s="154">
        <v>23720</v>
      </c>
      <c r="G63" s="154">
        <v>19035</v>
      </c>
      <c r="H63" s="154">
        <v>48100</v>
      </c>
      <c r="I63" s="154">
        <v>24410</v>
      </c>
      <c r="J63" s="154">
        <v>23690</v>
      </c>
      <c r="K63" s="162">
        <v>19043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677</v>
      </c>
      <c r="E65" s="157">
        <v>28910</v>
      </c>
      <c r="F65" s="157">
        <v>30767</v>
      </c>
      <c r="G65" s="157">
        <v>23671</v>
      </c>
      <c r="H65" s="157">
        <v>59693</v>
      </c>
      <c r="I65" s="157">
        <v>28932</v>
      </c>
      <c r="J65" s="157">
        <v>30761</v>
      </c>
      <c r="K65" s="163">
        <v>23691</v>
      </c>
    </row>
    <row r="66" spans="1:11" ht="9.75" customHeight="1">
      <c r="A66" s="40"/>
      <c r="B66" s="70" t="s">
        <v>131</v>
      </c>
      <c r="C66" s="42"/>
      <c r="D66" s="154">
        <v>31465</v>
      </c>
      <c r="E66" s="154">
        <v>15342</v>
      </c>
      <c r="F66" s="154">
        <v>16123</v>
      </c>
      <c r="G66" s="154">
        <v>12385</v>
      </c>
      <c r="H66" s="154">
        <v>31508</v>
      </c>
      <c r="I66" s="154">
        <v>15379</v>
      </c>
      <c r="J66" s="154">
        <v>16129</v>
      </c>
      <c r="K66" s="162">
        <v>12410</v>
      </c>
    </row>
    <row r="67" spans="1:11" ht="9.75" customHeight="1">
      <c r="A67" s="40"/>
      <c r="B67" s="70" t="s">
        <v>132</v>
      </c>
      <c r="C67" s="42"/>
      <c r="D67" s="154">
        <v>28212</v>
      </c>
      <c r="E67" s="154">
        <v>13568</v>
      </c>
      <c r="F67" s="154">
        <v>14644</v>
      </c>
      <c r="G67" s="154">
        <v>11286</v>
      </c>
      <c r="H67" s="154">
        <v>28185</v>
      </c>
      <c r="I67" s="154">
        <v>13553</v>
      </c>
      <c r="J67" s="154">
        <v>14632</v>
      </c>
      <c r="K67" s="162">
        <v>11281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339</v>
      </c>
      <c r="E69" s="157">
        <v>32234</v>
      </c>
      <c r="F69" s="157">
        <v>33105</v>
      </c>
      <c r="G69" s="157">
        <v>24258</v>
      </c>
      <c r="H69" s="157">
        <v>65297</v>
      </c>
      <c r="I69" s="157">
        <v>32226</v>
      </c>
      <c r="J69" s="157">
        <v>33071</v>
      </c>
      <c r="K69" s="163">
        <v>24261</v>
      </c>
    </row>
    <row r="70" spans="1:11" ht="9.75" customHeight="1">
      <c r="A70" s="40"/>
      <c r="B70" s="70" t="s">
        <v>134</v>
      </c>
      <c r="C70" s="42"/>
      <c r="D70" s="154">
        <v>9604</v>
      </c>
      <c r="E70" s="154">
        <v>4801</v>
      </c>
      <c r="F70" s="154">
        <v>4803</v>
      </c>
      <c r="G70" s="154">
        <v>3387</v>
      </c>
      <c r="H70" s="154">
        <v>9610</v>
      </c>
      <c r="I70" s="154">
        <v>4807</v>
      </c>
      <c r="J70" s="154">
        <v>4803</v>
      </c>
      <c r="K70" s="162">
        <v>3388</v>
      </c>
    </row>
    <row r="71" spans="1:11" ht="9.75" customHeight="1">
      <c r="A71" s="40"/>
      <c r="B71" s="70" t="s">
        <v>135</v>
      </c>
      <c r="C71" s="42"/>
      <c r="D71" s="154">
        <v>16919</v>
      </c>
      <c r="E71" s="154">
        <v>8428</v>
      </c>
      <c r="F71" s="154">
        <v>8491</v>
      </c>
      <c r="G71" s="154">
        <v>6229</v>
      </c>
      <c r="H71" s="154">
        <v>16911</v>
      </c>
      <c r="I71" s="154">
        <v>8420</v>
      </c>
      <c r="J71" s="154">
        <v>8491</v>
      </c>
      <c r="K71" s="162">
        <v>6233</v>
      </c>
    </row>
    <row r="72" spans="1:11" ht="9.75" customHeight="1">
      <c r="A72" s="40"/>
      <c r="B72" s="70" t="s">
        <v>136</v>
      </c>
      <c r="C72" s="42"/>
      <c r="D72" s="154">
        <v>11062</v>
      </c>
      <c r="E72" s="154">
        <v>5455</v>
      </c>
      <c r="F72" s="154">
        <v>5607</v>
      </c>
      <c r="G72" s="154">
        <v>4424</v>
      </c>
      <c r="H72" s="154">
        <v>11039</v>
      </c>
      <c r="I72" s="154">
        <v>5444</v>
      </c>
      <c r="J72" s="154">
        <v>5595</v>
      </c>
      <c r="K72" s="162">
        <v>4418</v>
      </c>
    </row>
    <row r="73" spans="1:11" ht="9.75" customHeight="1">
      <c r="A73" s="40"/>
      <c r="B73" s="70" t="s">
        <v>137</v>
      </c>
      <c r="C73" s="42"/>
      <c r="D73" s="154">
        <v>10435</v>
      </c>
      <c r="E73" s="154">
        <v>5095</v>
      </c>
      <c r="F73" s="154">
        <v>5340</v>
      </c>
      <c r="G73" s="154">
        <v>3862</v>
      </c>
      <c r="H73" s="154">
        <v>10394</v>
      </c>
      <c r="I73" s="154">
        <v>5081</v>
      </c>
      <c r="J73" s="154">
        <v>5313</v>
      </c>
      <c r="K73" s="162">
        <v>3858</v>
      </c>
    </row>
    <row r="74" spans="1:11" ht="9.75" customHeight="1">
      <c r="A74" s="40"/>
      <c r="B74" s="70" t="s">
        <v>138</v>
      </c>
      <c r="C74" s="42"/>
      <c r="D74" s="154">
        <v>17319</v>
      </c>
      <c r="E74" s="154">
        <v>8455</v>
      </c>
      <c r="F74" s="154">
        <v>8864</v>
      </c>
      <c r="G74" s="154">
        <v>6356</v>
      </c>
      <c r="H74" s="154">
        <v>17343</v>
      </c>
      <c r="I74" s="154">
        <v>8474</v>
      </c>
      <c r="J74" s="154">
        <v>8869</v>
      </c>
      <c r="K74" s="162">
        <v>6364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439</v>
      </c>
      <c r="E76" s="157">
        <v>20357</v>
      </c>
      <c r="F76" s="157">
        <v>23082</v>
      </c>
      <c r="G76" s="157">
        <v>19961</v>
      </c>
      <c r="H76" s="157">
        <v>43412</v>
      </c>
      <c r="I76" s="157">
        <v>20352</v>
      </c>
      <c r="J76" s="157">
        <v>23060</v>
      </c>
      <c r="K76" s="163">
        <v>19962</v>
      </c>
    </row>
    <row r="77" spans="1:11" ht="9.75" customHeight="1">
      <c r="A77" s="40"/>
      <c r="B77" s="70" t="s">
        <v>140</v>
      </c>
      <c r="C77" s="42"/>
      <c r="D77" s="154">
        <v>11635</v>
      </c>
      <c r="E77" s="154">
        <v>5550</v>
      </c>
      <c r="F77" s="154">
        <v>6085</v>
      </c>
      <c r="G77" s="154">
        <v>6140</v>
      </c>
      <c r="H77" s="154">
        <v>11625</v>
      </c>
      <c r="I77" s="154">
        <v>5538</v>
      </c>
      <c r="J77" s="154">
        <v>6087</v>
      </c>
      <c r="K77" s="162">
        <v>6133</v>
      </c>
    </row>
    <row r="78" spans="1:11" ht="9.75" customHeight="1">
      <c r="A78" s="40"/>
      <c r="B78" s="70" t="s">
        <v>141</v>
      </c>
      <c r="C78" s="42"/>
      <c r="D78" s="154">
        <v>7153</v>
      </c>
      <c r="E78" s="154">
        <v>3356</v>
      </c>
      <c r="F78" s="154">
        <v>3797</v>
      </c>
      <c r="G78" s="154">
        <v>3051</v>
      </c>
      <c r="H78" s="154">
        <v>7146</v>
      </c>
      <c r="I78" s="154">
        <v>3356</v>
      </c>
      <c r="J78" s="154">
        <v>3790</v>
      </c>
      <c r="K78" s="162">
        <v>3056</v>
      </c>
    </row>
    <row r="79" spans="1:11" ht="9.75" customHeight="1">
      <c r="A79" s="40"/>
      <c r="B79" s="70" t="s">
        <v>142</v>
      </c>
      <c r="C79" s="42"/>
      <c r="D79" s="154">
        <v>24651</v>
      </c>
      <c r="E79" s="154">
        <v>11451</v>
      </c>
      <c r="F79" s="154">
        <v>13200</v>
      </c>
      <c r="G79" s="154">
        <v>10770</v>
      </c>
      <c r="H79" s="154">
        <v>24641</v>
      </c>
      <c r="I79" s="154">
        <v>11458</v>
      </c>
      <c r="J79" s="154">
        <v>13183</v>
      </c>
      <c r="K79" s="162">
        <v>10773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335</v>
      </c>
      <c r="E81" s="157">
        <v>22539</v>
      </c>
      <c r="F81" s="157">
        <v>20796</v>
      </c>
      <c r="G81" s="157">
        <v>17345</v>
      </c>
      <c r="H81" s="157">
        <v>43343</v>
      </c>
      <c r="I81" s="157">
        <v>22552</v>
      </c>
      <c r="J81" s="157">
        <v>20791</v>
      </c>
      <c r="K81" s="163">
        <v>17352</v>
      </c>
    </row>
    <row r="82" spans="1:11" ht="9.75" customHeight="1">
      <c r="A82" s="40"/>
      <c r="B82" s="70" t="s">
        <v>144</v>
      </c>
      <c r="C82" s="42"/>
      <c r="D82" s="154">
        <v>40145</v>
      </c>
      <c r="E82" s="154">
        <v>20901</v>
      </c>
      <c r="F82" s="154">
        <v>19244</v>
      </c>
      <c r="G82" s="154">
        <v>16209</v>
      </c>
      <c r="H82" s="154">
        <v>40156</v>
      </c>
      <c r="I82" s="154">
        <v>20915</v>
      </c>
      <c r="J82" s="154">
        <v>19241</v>
      </c>
      <c r="K82" s="162">
        <v>16215</v>
      </c>
    </row>
    <row r="83" spans="1:11" ht="9.75" customHeight="1">
      <c r="A83" s="40"/>
      <c r="B83" s="70" t="s">
        <v>145</v>
      </c>
      <c r="C83" s="42"/>
      <c r="D83" s="154">
        <v>3190</v>
      </c>
      <c r="E83" s="154">
        <v>1638</v>
      </c>
      <c r="F83" s="154">
        <v>1552</v>
      </c>
      <c r="G83" s="154">
        <v>1136</v>
      </c>
      <c r="H83" s="154">
        <v>3187</v>
      </c>
      <c r="I83" s="154">
        <v>1637</v>
      </c>
      <c r="J83" s="154">
        <v>1550</v>
      </c>
      <c r="K83" s="162">
        <v>1137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9"/>
  <sheetViews>
    <sheetView view="pageBreakPreview" zoomScaleNormal="100" zoomScaleSheetLayoutView="100" workbookViewId="0">
      <selection activeCell="S1" sqref="S1"/>
    </sheetView>
  </sheetViews>
  <sheetFormatPr defaultRowHeight="14.25"/>
  <cols>
    <col min="1" max="1" width="1.75" style="3" customWidth="1"/>
    <col min="2" max="2" width="9.375" style="3" customWidth="1"/>
    <col min="3" max="3" width="1.25" style="3" customWidth="1"/>
    <col min="4" max="15" width="11.25" style="3" customWidth="1"/>
    <col min="16" max="16" width="1.75" style="3" customWidth="1"/>
    <col min="17" max="17" width="9.375" style="3" customWidth="1"/>
    <col min="18" max="18" width="1.25" style="3" customWidth="1"/>
    <col min="19" max="22" width="6.875" style="3" customWidth="1"/>
  </cols>
  <sheetData>
    <row r="1" spans="1:26" ht="37.5" customHeight="1">
      <c r="B1" s="118"/>
      <c r="C1" s="118"/>
      <c r="D1" s="241" t="s">
        <v>175</v>
      </c>
      <c r="E1" s="241"/>
      <c r="F1" s="241"/>
      <c r="G1" s="241"/>
      <c r="H1" s="241"/>
      <c r="I1" s="241"/>
      <c r="J1" s="118"/>
      <c r="K1" s="118"/>
      <c r="L1" s="118"/>
      <c r="M1" s="118"/>
      <c r="N1" s="118"/>
      <c r="O1" s="118"/>
    </row>
    <row r="2" spans="1:26" ht="18.75" customHeight="1">
      <c r="A2" s="118"/>
      <c r="B2" s="118"/>
      <c r="C2" s="118"/>
      <c r="D2" s="118"/>
      <c r="E2" s="118"/>
      <c r="F2" s="118"/>
      <c r="G2" s="118"/>
      <c r="H2" s="118"/>
      <c r="I2" s="118"/>
      <c r="J2" s="118"/>
      <c r="K2" s="118"/>
      <c r="L2" s="118"/>
      <c r="M2" s="118"/>
      <c r="N2" s="118"/>
      <c r="O2" s="118"/>
    </row>
    <row r="3" spans="1:26" ht="18.75" customHeight="1" thickBot="1">
      <c r="A3" s="196" t="s">
        <v>176</v>
      </c>
      <c r="B3" s="196"/>
      <c r="C3" s="196"/>
      <c r="J3" s="242"/>
      <c r="K3" s="242"/>
      <c r="L3" s="242"/>
      <c r="M3" s="242"/>
      <c r="N3" s="242"/>
      <c r="O3" s="242"/>
      <c r="P3" s="243" t="s">
        <v>72</v>
      </c>
      <c r="Q3" s="243"/>
      <c r="R3" s="243"/>
    </row>
    <row r="4" spans="1:26" ht="22.5" customHeight="1">
      <c r="A4" s="244" t="s">
        <v>177</v>
      </c>
      <c r="B4" s="245"/>
      <c r="C4" s="245"/>
      <c r="D4" s="120" t="s">
        <v>57</v>
      </c>
      <c r="E4" s="120" t="s">
        <v>58</v>
      </c>
      <c r="F4" s="120" t="s">
        <v>59</v>
      </c>
      <c r="G4" s="120" t="s">
        <v>60</v>
      </c>
      <c r="H4" s="120" t="s">
        <v>61</v>
      </c>
      <c r="I4" s="121" t="s">
        <v>62</v>
      </c>
      <c r="J4" s="120" t="s">
        <v>63</v>
      </c>
      <c r="K4" s="120" t="s">
        <v>64</v>
      </c>
      <c r="L4" s="120" t="s">
        <v>65</v>
      </c>
      <c r="M4" s="120" t="s">
        <v>66</v>
      </c>
      <c r="N4" s="120" t="s">
        <v>67</v>
      </c>
      <c r="O4" s="121" t="s">
        <v>68</v>
      </c>
      <c r="P4" s="245" t="s">
        <v>177</v>
      </c>
      <c r="Q4" s="245"/>
      <c r="R4" s="246"/>
    </row>
    <row r="5" spans="1:26" ht="15" customHeight="1">
      <c r="A5" s="11"/>
      <c r="B5" s="42"/>
      <c r="C5" s="42"/>
      <c r="D5" s="14"/>
      <c r="E5" s="14"/>
      <c r="F5" s="14"/>
      <c r="G5" s="14"/>
      <c r="H5" s="14"/>
      <c r="I5" s="14"/>
      <c r="J5" s="14"/>
      <c r="K5" s="14"/>
      <c r="L5" s="14"/>
      <c r="M5" s="14"/>
      <c r="N5" s="14"/>
      <c r="O5" s="14"/>
      <c r="P5" s="42"/>
      <c r="Q5" s="42"/>
      <c r="R5" s="124"/>
    </row>
    <row r="6" spans="1:26" ht="15" customHeight="1">
      <c r="A6" s="251" t="s">
        <v>80</v>
      </c>
      <c r="B6" s="252"/>
      <c r="C6" s="19"/>
      <c r="D6" s="20">
        <v>9128037</v>
      </c>
      <c r="E6" s="20">
        <v>9126280</v>
      </c>
      <c r="F6" s="20">
        <v>9123971</v>
      </c>
      <c r="G6" s="20">
        <v>9128208</v>
      </c>
      <c r="H6" s="20">
        <v>9142584</v>
      </c>
      <c r="I6" s="20">
        <v>9144992</v>
      </c>
      <c r="J6" s="20">
        <v>9145832</v>
      </c>
      <c r="K6" s="20">
        <v>9145026</v>
      </c>
      <c r="L6" s="20">
        <v>9145587</v>
      </c>
      <c r="M6" s="20">
        <v>9145572</v>
      </c>
      <c r="N6" s="20">
        <v>9148549</v>
      </c>
      <c r="O6" s="20">
        <v>9148109</v>
      </c>
      <c r="P6" s="252" t="s">
        <v>80</v>
      </c>
      <c r="Q6" s="252"/>
      <c r="R6" s="127"/>
    </row>
    <row r="7" spans="1:26" s="32" customFormat="1" ht="15" customHeight="1">
      <c r="A7" s="253" t="s">
        <v>178</v>
      </c>
      <c r="B7" s="254"/>
      <c r="C7" s="35"/>
      <c r="D7" s="151">
        <v>3724695</v>
      </c>
      <c r="E7" s="151">
        <v>3723862</v>
      </c>
      <c r="F7" s="151">
        <v>3722551</v>
      </c>
      <c r="G7" s="151">
        <v>3725042</v>
      </c>
      <c r="H7" s="151">
        <v>3730706</v>
      </c>
      <c r="I7" s="151">
        <v>3731216</v>
      </c>
      <c r="J7" s="151">
        <v>3731750</v>
      </c>
      <c r="K7" s="151">
        <v>3731286</v>
      </c>
      <c r="L7" s="151">
        <v>3731471</v>
      </c>
      <c r="M7" s="151">
        <v>3731293</v>
      </c>
      <c r="N7" s="151">
        <v>3732768</v>
      </c>
      <c r="O7" s="151">
        <v>3732092</v>
      </c>
      <c r="P7" s="254" t="s">
        <v>178</v>
      </c>
      <c r="Q7" s="254"/>
      <c r="R7" s="130"/>
      <c r="W7" s="33"/>
      <c r="X7" s="33"/>
      <c r="Y7" s="33"/>
      <c r="Z7" s="33"/>
    </row>
    <row r="8" spans="1:26" s="32" customFormat="1" ht="15" customHeight="1">
      <c r="A8" s="253" t="s">
        <v>179</v>
      </c>
      <c r="B8" s="254"/>
      <c r="C8" s="35"/>
      <c r="D8" s="151">
        <v>1477136</v>
      </c>
      <c r="E8" s="151">
        <v>1477522</v>
      </c>
      <c r="F8" s="151">
        <v>1477715</v>
      </c>
      <c r="G8" s="151">
        <v>1481183</v>
      </c>
      <c r="H8" s="151">
        <v>1484721</v>
      </c>
      <c r="I8" s="151">
        <v>1486491</v>
      </c>
      <c r="J8" s="151">
        <v>1487496</v>
      </c>
      <c r="K8" s="151">
        <v>1488172</v>
      </c>
      <c r="L8" s="151">
        <v>1489046</v>
      </c>
      <c r="M8" s="151">
        <v>1489477</v>
      </c>
      <c r="N8" s="151">
        <v>1490269</v>
      </c>
      <c r="O8" s="151">
        <v>1491012</v>
      </c>
      <c r="P8" s="254" t="s">
        <v>179</v>
      </c>
      <c r="Q8" s="254"/>
      <c r="R8" s="130"/>
      <c r="W8" s="33"/>
      <c r="X8" s="33"/>
      <c r="Y8" s="33"/>
      <c r="Z8" s="33"/>
    </row>
    <row r="9" spans="1:26" ht="1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54"/>
      <c r="L9" s="154"/>
      <c r="M9" s="154"/>
      <c r="N9" s="154"/>
      <c r="O9" s="154"/>
      <c r="P9" s="70"/>
      <c r="Q9" s="70"/>
      <c r="R9" s="124"/>
    </row>
    <row r="10" spans="1:26" ht="15" customHeight="1">
      <c r="A10" s="247" t="s">
        <v>180</v>
      </c>
      <c r="B10" s="248"/>
      <c r="C10" s="49"/>
      <c r="D10" s="157">
        <v>713419</v>
      </c>
      <c r="E10" s="157">
        <v>712773</v>
      </c>
      <c r="F10" s="157">
        <v>712293</v>
      </c>
      <c r="G10" s="157">
        <v>710817</v>
      </c>
      <c r="H10" s="157">
        <v>712806</v>
      </c>
      <c r="I10" s="157">
        <v>712548</v>
      </c>
      <c r="J10" s="157">
        <v>711736</v>
      </c>
      <c r="K10" s="157">
        <v>711084</v>
      </c>
      <c r="L10" s="157">
        <v>710747</v>
      </c>
      <c r="M10" s="157">
        <v>710375</v>
      </c>
      <c r="N10" s="157">
        <v>710334</v>
      </c>
      <c r="O10" s="157">
        <v>710034</v>
      </c>
      <c r="P10" s="248" t="s">
        <v>180</v>
      </c>
      <c r="Q10" s="248"/>
      <c r="R10" s="133"/>
    </row>
    <row r="11" spans="1:26" ht="15" customHeight="1">
      <c r="A11" s="40"/>
      <c r="B11" s="70" t="s">
        <v>112</v>
      </c>
      <c r="C11" s="134"/>
      <c r="D11" s="154">
        <v>405894</v>
      </c>
      <c r="E11" s="154">
        <v>405539</v>
      </c>
      <c r="F11" s="154">
        <v>405180</v>
      </c>
      <c r="G11" s="154">
        <v>403557</v>
      </c>
      <c r="H11" s="154">
        <v>405747</v>
      </c>
      <c r="I11" s="154">
        <v>405540</v>
      </c>
      <c r="J11" s="154">
        <v>404830</v>
      </c>
      <c r="K11" s="154">
        <v>404266</v>
      </c>
      <c r="L11" s="154">
        <v>403950</v>
      </c>
      <c r="M11" s="154">
        <v>403730</v>
      </c>
      <c r="N11" s="154">
        <v>403779</v>
      </c>
      <c r="O11" s="154">
        <v>403565</v>
      </c>
      <c r="P11" s="70"/>
      <c r="Q11" s="70" t="s">
        <v>112</v>
      </c>
      <c r="R11" s="137"/>
    </row>
    <row r="12" spans="1:26" ht="15" customHeight="1">
      <c r="A12" s="40"/>
      <c r="B12" s="70" t="s">
        <v>114</v>
      </c>
      <c r="C12" s="134"/>
      <c r="D12" s="154">
        <v>172786</v>
      </c>
      <c r="E12" s="154">
        <v>172665</v>
      </c>
      <c r="F12" s="154">
        <v>172608</v>
      </c>
      <c r="G12" s="154">
        <v>172755</v>
      </c>
      <c r="H12" s="154">
        <v>172595</v>
      </c>
      <c r="I12" s="154">
        <v>172589</v>
      </c>
      <c r="J12" s="154">
        <v>172517</v>
      </c>
      <c r="K12" s="154">
        <v>172433</v>
      </c>
      <c r="L12" s="154">
        <v>172419</v>
      </c>
      <c r="M12" s="154">
        <v>172337</v>
      </c>
      <c r="N12" s="154">
        <v>172277</v>
      </c>
      <c r="O12" s="154">
        <v>172294</v>
      </c>
      <c r="P12" s="70"/>
      <c r="Q12" s="70" t="s">
        <v>114</v>
      </c>
      <c r="R12" s="137"/>
    </row>
    <row r="13" spans="1:26" ht="15" customHeight="1">
      <c r="A13" s="40"/>
      <c r="B13" s="70" t="s">
        <v>118</v>
      </c>
      <c r="C13" s="134"/>
      <c r="D13" s="154">
        <v>57435</v>
      </c>
      <c r="E13" s="154">
        <v>57376</v>
      </c>
      <c r="F13" s="154">
        <v>57377</v>
      </c>
      <c r="G13" s="154">
        <v>57482</v>
      </c>
      <c r="H13" s="154">
        <v>57464</v>
      </c>
      <c r="I13" s="154">
        <v>57449</v>
      </c>
      <c r="J13" s="154">
        <v>57462</v>
      </c>
      <c r="K13" s="154">
        <v>57500</v>
      </c>
      <c r="L13" s="154">
        <v>57561</v>
      </c>
      <c r="M13" s="154">
        <v>57556</v>
      </c>
      <c r="N13" s="154">
        <v>57581</v>
      </c>
      <c r="O13" s="154">
        <v>57591</v>
      </c>
      <c r="P13" s="70"/>
      <c r="Q13" s="70" t="s">
        <v>118</v>
      </c>
      <c r="R13" s="137"/>
    </row>
    <row r="14" spans="1:26" ht="15" customHeight="1">
      <c r="A14" s="40"/>
      <c r="B14" s="70" t="s">
        <v>119</v>
      </c>
      <c r="C14" s="134"/>
      <c r="D14" s="154">
        <v>45183</v>
      </c>
      <c r="E14" s="154">
        <v>45126</v>
      </c>
      <c r="F14" s="154">
        <v>45081</v>
      </c>
      <c r="G14" s="154">
        <v>44958</v>
      </c>
      <c r="H14" s="154">
        <v>44922</v>
      </c>
      <c r="I14" s="154">
        <v>44874</v>
      </c>
      <c r="J14" s="154">
        <v>44820</v>
      </c>
      <c r="K14" s="154">
        <v>44790</v>
      </c>
      <c r="L14" s="154">
        <v>44715</v>
      </c>
      <c r="M14" s="154">
        <v>44651</v>
      </c>
      <c r="N14" s="154">
        <v>44606</v>
      </c>
      <c r="O14" s="154">
        <v>44516</v>
      </c>
      <c r="P14" s="70"/>
      <c r="Q14" s="70" t="s">
        <v>119</v>
      </c>
      <c r="R14" s="137"/>
    </row>
    <row r="15" spans="1:26" ht="15" customHeight="1">
      <c r="A15" s="40"/>
      <c r="B15" s="70" t="s">
        <v>181</v>
      </c>
      <c r="C15" s="134"/>
      <c r="D15" s="154">
        <v>32121</v>
      </c>
      <c r="E15" s="154">
        <v>32067</v>
      </c>
      <c r="F15" s="154">
        <v>32047</v>
      </c>
      <c r="G15" s="154">
        <v>32065</v>
      </c>
      <c r="H15" s="154">
        <v>32078</v>
      </c>
      <c r="I15" s="154">
        <v>32096</v>
      </c>
      <c r="J15" s="154">
        <v>32107</v>
      </c>
      <c r="K15" s="154">
        <v>32095</v>
      </c>
      <c r="L15" s="154">
        <v>32102</v>
      </c>
      <c r="M15" s="154">
        <v>32101</v>
      </c>
      <c r="N15" s="154">
        <v>32091</v>
      </c>
      <c r="O15" s="154">
        <v>32068</v>
      </c>
      <c r="P15" s="70"/>
      <c r="Q15" s="70" t="s">
        <v>181</v>
      </c>
      <c r="R15" s="137"/>
    </row>
    <row r="16" spans="1:26" s="3" customFormat="1" ht="15" customHeight="1">
      <c r="A16" s="40"/>
      <c r="B16" s="70"/>
      <c r="C16" s="42"/>
      <c r="D16" s="154"/>
      <c r="E16" s="154"/>
      <c r="F16" s="154"/>
      <c r="G16" s="154"/>
      <c r="H16" s="154"/>
      <c r="I16" s="154"/>
      <c r="J16" s="154"/>
      <c r="K16" s="154"/>
      <c r="L16" s="154"/>
      <c r="M16" s="154"/>
      <c r="N16" s="154"/>
      <c r="O16" s="154"/>
      <c r="P16" s="70"/>
      <c r="Q16" s="70"/>
      <c r="R16" s="124"/>
      <c r="W16"/>
      <c r="X16"/>
      <c r="Y16"/>
      <c r="Z16"/>
    </row>
    <row r="17" spans="1:26" s="3" customFormat="1" ht="15" customHeight="1">
      <c r="A17" s="247" t="s">
        <v>182</v>
      </c>
      <c r="B17" s="248"/>
      <c r="C17" s="49"/>
      <c r="D17" s="157">
        <v>1567020</v>
      </c>
      <c r="E17" s="157">
        <v>1566685</v>
      </c>
      <c r="F17" s="157">
        <v>1566499</v>
      </c>
      <c r="G17" s="157">
        <v>1566831</v>
      </c>
      <c r="H17" s="157">
        <v>1568521</v>
      </c>
      <c r="I17" s="157">
        <v>1568940</v>
      </c>
      <c r="J17" s="157">
        <v>1568902</v>
      </c>
      <c r="K17" s="157">
        <v>1568538</v>
      </c>
      <c r="L17" s="157">
        <v>1568409</v>
      </c>
      <c r="M17" s="157">
        <v>1568282</v>
      </c>
      <c r="N17" s="157">
        <v>1568723</v>
      </c>
      <c r="O17" s="157">
        <v>1568556</v>
      </c>
      <c r="P17" s="248" t="s">
        <v>182</v>
      </c>
      <c r="Q17" s="248"/>
      <c r="R17" s="133"/>
      <c r="W17"/>
      <c r="X17"/>
      <c r="Y17"/>
      <c r="Z17"/>
    </row>
    <row r="18" spans="1:26" s="3" customFormat="1" ht="15" customHeight="1">
      <c r="A18" s="40"/>
      <c r="B18" s="70" t="s">
        <v>110</v>
      </c>
      <c r="C18" s="42"/>
      <c r="D18" s="154">
        <v>721139</v>
      </c>
      <c r="E18" s="154">
        <v>720886</v>
      </c>
      <c r="F18" s="154">
        <v>720661</v>
      </c>
      <c r="G18" s="154">
        <v>721078</v>
      </c>
      <c r="H18" s="154">
        <v>722073</v>
      </c>
      <c r="I18" s="154">
        <v>722040</v>
      </c>
      <c r="J18" s="154">
        <v>721889</v>
      </c>
      <c r="K18" s="154">
        <v>721689</v>
      </c>
      <c r="L18" s="154">
        <v>721556</v>
      </c>
      <c r="M18" s="154">
        <v>721552</v>
      </c>
      <c r="N18" s="154">
        <v>721770</v>
      </c>
      <c r="O18" s="154">
        <v>721566</v>
      </c>
      <c r="P18" s="70"/>
      <c r="Q18" s="70" t="s">
        <v>110</v>
      </c>
      <c r="R18" s="124"/>
      <c r="W18"/>
      <c r="X18"/>
      <c r="Y18"/>
      <c r="Z18"/>
    </row>
    <row r="19" spans="1:26" s="3" customFormat="1" ht="15" customHeight="1">
      <c r="A19" s="40"/>
      <c r="B19" s="70" t="s">
        <v>121</v>
      </c>
      <c r="C19" s="42"/>
      <c r="D19" s="154">
        <v>225661</v>
      </c>
      <c r="E19" s="154">
        <v>225618</v>
      </c>
      <c r="F19" s="154">
        <v>225463</v>
      </c>
      <c r="G19" s="154">
        <v>225284</v>
      </c>
      <c r="H19" s="154">
        <v>225415</v>
      </c>
      <c r="I19" s="154">
        <v>225609</v>
      </c>
      <c r="J19" s="154">
        <v>225630</v>
      </c>
      <c r="K19" s="154">
        <v>225650</v>
      </c>
      <c r="L19" s="154">
        <v>225611</v>
      </c>
      <c r="M19" s="154">
        <v>225541</v>
      </c>
      <c r="N19" s="154">
        <v>225605</v>
      </c>
      <c r="O19" s="154">
        <v>225562</v>
      </c>
      <c r="P19" s="70"/>
      <c r="Q19" s="70" t="s">
        <v>121</v>
      </c>
      <c r="R19" s="124"/>
      <c r="W19"/>
      <c r="X19"/>
      <c r="Y19"/>
      <c r="Z19"/>
    </row>
    <row r="20" spans="1:26" s="3" customFormat="1" ht="15" customHeight="1">
      <c r="A20" s="40"/>
      <c r="B20" s="70" t="s">
        <v>122</v>
      </c>
      <c r="C20" s="42"/>
      <c r="D20" s="154">
        <v>233331</v>
      </c>
      <c r="E20" s="154">
        <v>233362</v>
      </c>
      <c r="F20" s="154">
        <v>233437</v>
      </c>
      <c r="G20" s="154">
        <v>233436</v>
      </c>
      <c r="H20" s="154">
        <v>233798</v>
      </c>
      <c r="I20" s="154">
        <v>234011</v>
      </c>
      <c r="J20" s="154">
        <v>234015</v>
      </c>
      <c r="K20" s="154">
        <v>233977</v>
      </c>
      <c r="L20" s="154">
        <v>233949</v>
      </c>
      <c r="M20" s="154">
        <v>233942</v>
      </c>
      <c r="N20" s="154">
        <v>234028</v>
      </c>
      <c r="O20" s="154">
        <v>234182</v>
      </c>
      <c r="P20" s="70"/>
      <c r="Q20" s="70" t="s">
        <v>122</v>
      </c>
      <c r="R20" s="124"/>
      <c r="W20"/>
      <c r="X20"/>
      <c r="Y20"/>
      <c r="Z20"/>
    </row>
    <row r="21" spans="1:26" s="3" customFormat="1" ht="15" customHeight="1">
      <c r="A21" s="40"/>
      <c r="B21" s="70" t="s">
        <v>124</v>
      </c>
      <c r="C21" s="42"/>
      <c r="D21" s="154">
        <v>130249</v>
      </c>
      <c r="E21" s="154">
        <v>130211</v>
      </c>
      <c r="F21" s="154">
        <v>130252</v>
      </c>
      <c r="G21" s="154">
        <v>130440</v>
      </c>
      <c r="H21" s="154">
        <v>130592</v>
      </c>
      <c r="I21" s="154">
        <v>130604</v>
      </c>
      <c r="J21" s="154">
        <v>130602</v>
      </c>
      <c r="K21" s="154">
        <v>130550</v>
      </c>
      <c r="L21" s="154">
        <v>130595</v>
      </c>
      <c r="M21" s="154">
        <v>130581</v>
      </c>
      <c r="N21" s="154">
        <v>130678</v>
      </c>
      <c r="O21" s="154">
        <v>130680</v>
      </c>
      <c r="P21" s="70"/>
      <c r="Q21" s="70" t="s">
        <v>124</v>
      </c>
      <c r="R21" s="124"/>
      <c r="W21"/>
      <c r="X21"/>
      <c r="Y21"/>
      <c r="Z21"/>
    </row>
    <row r="22" spans="1:26" s="3" customFormat="1" ht="15" customHeight="1">
      <c r="A22" s="40"/>
      <c r="B22" s="70" t="s">
        <v>125</v>
      </c>
      <c r="C22" s="42"/>
      <c r="D22" s="154">
        <v>128644</v>
      </c>
      <c r="E22" s="154">
        <v>128654</v>
      </c>
      <c r="F22" s="154">
        <v>128707</v>
      </c>
      <c r="G22" s="154">
        <v>128661</v>
      </c>
      <c r="H22" s="154">
        <v>128781</v>
      </c>
      <c r="I22" s="154">
        <v>128808</v>
      </c>
      <c r="J22" s="154">
        <v>128840</v>
      </c>
      <c r="K22" s="154">
        <v>128782</v>
      </c>
      <c r="L22" s="154">
        <v>128821</v>
      </c>
      <c r="M22" s="154">
        <v>128884</v>
      </c>
      <c r="N22" s="154">
        <v>128880</v>
      </c>
      <c r="O22" s="154">
        <v>128817</v>
      </c>
      <c r="P22" s="70"/>
      <c r="Q22" s="70" t="s">
        <v>125</v>
      </c>
      <c r="R22" s="124"/>
      <c r="W22"/>
      <c r="X22"/>
      <c r="Y22"/>
      <c r="Z22"/>
    </row>
    <row r="23" spans="1:26" s="3" customFormat="1" ht="15" customHeight="1">
      <c r="A23" s="40"/>
      <c r="B23" s="70" t="s">
        <v>127</v>
      </c>
      <c r="C23" s="42"/>
      <c r="D23" s="154">
        <v>84440</v>
      </c>
      <c r="E23" s="154">
        <v>84425</v>
      </c>
      <c r="F23" s="154">
        <v>84502</v>
      </c>
      <c r="G23" s="154">
        <v>84483</v>
      </c>
      <c r="H23" s="154">
        <v>84390</v>
      </c>
      <c r="I23" s="154">
        <v>84397</v>
      </c>
      <c r="J23" s="154">
        <v>84460</v>
      </c>
      <c r="K23" s="154">
        <v>84429</v>
      </c>
      <c r="L23" s="154">
        <v>84432</v>
      </c>
      <c r="M23" s="154">
        <v>84427</v>
      </c>
      <c r="N23" s="154">
        <v>84427</v>
      </c>
      <c r="O23" s="154">
        <v>84406</v>
      </c>
      <c r="P23" s="70"/>
      <c r="Q23" s="70" t="s">
        <v>127</v>
      </c>
      <c r="R23" s="124"/>
      <c r="W23"/>
      <c r="X23"/>
      <c r="Y23"/>
      <c r="Z23"/>
    </row>
    <row r="24" spans="1:26" s="3" customFormat="1" ht="15" customHeight="1">
      <c r="A24" s="40"/>
      <c r="B24" s="70" t="s">
        <v>144</v>
      </c>
      <c r="C24" s="42"/>
      <c r="D24" s="154">
        <v>40362</v>
      </c>
      <c r="E24" s="154">
        <v>40350</v>
      </c>
      <c r="F24" s="154">
        <v>40303</v>
      </c>
      <c r="G24" s="154">
        <v>40263</v>
      </c>
      <c r="H24" s="154">
        <v>40281</v>
      </c>
      <c r="I24" s="154">
        <v>40277</v>
      </c>
      <c r="J24" s="154">
        <v>40273</v>
      </c>
      <c r="K24" s="154">
        <v>40259</v>
      </c>
      <c r="L24" s="154">
        <v>40242</v>
      </c>
      <c r="M24" s="154">
        <v>40167</v>
      </c>
      <c r="N24" s="154">
        <v>40145</v>
      </c>
      <c r="O24" s="154">
        <v>40156</v>
      </c>
      <c r="P24" s="70"/>
      <c r="Q24" s="70" t="s">
        <v>144</v>
      </c>
      <c r="R24" s="124"/>
      <c r="W24"/>
      <c r="X24"/>
      <c r="Y24"/>
      <c r="Z24"/>
    </row>
    <row r="25" spans="1:26" s="3" customFormat="1" ht="15" customHeight="1">
      <c r="A25" s="40"/>
      <c r="B25" s="70" t="s">
        <v>145</v>
      </c>
      <c r="C25" s="42"/>
      <c r="D25" s="154">
        <v>3194</v>
      </c>
      <c r="E25" s="154">
        <v>3179</v>
      </c>
      <c r="F25" s="154">
        <v>3174</v>
      </c>
      <c r="G25" s="154">
        <v>3186</v>
      </c>
      <c r="H25" s="154">
        <v>3191</v>
      </c>
      <c r="I25" s="154">
        <v>3194</v>
      </c>
      <c r="J25" s="154">
        <v>3193</v>
      </c>
      <c r="K25" s="154">
        <v>3202</v>
      </c>
      <c r="L25" s="154">
        <v>3203</v>
      </c>
      <c r="M25" s="154">
        <v>3188</v>
      </c>
      <c r="N25" s="154">
        <v>3190</v>
      </c>
      <c r="O25" s="154">
        <v>3187</v>
      </c>
      <c r="P25" s="70"/>
      <c r="Q25" s="70" t="s">
        <v>145</v>
      </c>
      <c r="R25" s="124"/>
      <c r="W25"/>
      <c r="X25"/>
      <c r="Y25"/>
      <c r="Z25"/>
    </row>
    <row r="26" spans="1:26" s="3" customFormat="1" ht="15" customHeight="1">
      <c r="A26" s="40"/>
      <c r="B26" s="70"/>
      <c r="C26" s="42"/>
      <c r="D26" s="154"/>
      <c r="E26" s="154"/>
      <c r="F26" s="154"/>
      <c r="G26" s="154"/>
      <c r="H26" s="154"/>
      <c r="I26" s="154"/>
      <c r="J26" s="154"/>
      <c r="K26" s="154"/>
      <c r="L26" s="154"/>
      <c r="M26" s="154"/>
      <c r="N26" s="154"/>
      <c r="O26" s="154"/>
      <c r="P26" s="70"/>
      <c r="Q26" s="70"/>
      <c r="R26" s="124"/>
      <c r="W26"/>
      <c r="X26"/>
      <c r="Y26"/>
      <c r="Z26"/>
    </row>
    <row r="27" spans="1:26" s="3" customFormat="1" ht="15" customHeight="1">
      <c r="A27" s="247" t="s">
        <v>183</v>
      </c>
      <c r="B27" s="248"/>
      <c r="C27" s="49"/>
      <c r="D27" s="157">
        <v>1299025</v>
      </c>
      <c r="E27" s="157">
        <v>1298892</v>
      </c>
      <c r="F27" s="157">
        <v>1298702</v>
      </c>
      <c r="G27" s="157">
        <v>1298819</v>
      </c>
      <c r="H27" s="157">
        <v>1300174</v>
      </c>
      <c r="I27" s="157">
        <v>1300332</v>
      </c>
      <c r="J27" s="157">
        <v>1300535</v>
      </c>
      <c r="K27" s="157">
        <v>1300636</v>
      </c>
      <c r="L27" s="157">
        <v>1300795</v>
      </c>
      <c r="M27" s="157">
        <v>1301132</v>
      </c>
      <c r="N27" s="157">
        <v>1301496</v>
      </c>
      <c r="O27" s="157">
        <v>1301557</v>
      </c>
      <c r="P27" s="248" t="s">
        <v>183</v>
      </c>
      <c r="Q27" s="248"/>
      <c r="R27" s="133"/>
      <c r="W27"/>
      <c r="X27"/>
      <c r="Y27"/>
      <c r="Z27"/>
    </row>
    <row r="28" spans="1:26" s="3" customFormat="1" ht="15" customHeight="1">
      <c r="A28" s="40"/>
      <c r="B28" s="70" t="s">
        <v>113</v>
      </c>
      <c r="C28" s="42"/>
      <c r="D28" s="154">
        <v>258273</v>
      </c>
      <c r="E28" s="154">
        <v>258142</v>
      </c>
      <c r="F28" s="154">
        <v>258033</v>
      </c>
      <c r="G28" s="154">
        <v>257980</v>
      </c>
      <c r="H28" s="154">
        <v>258158</v>
      </c>
      <c r="I28" s="154">
        <v>258187</v>
      </c>
      <c r="J28" s="154">
        <v>258195</v>
      </c>
      <c r="K28" s="154">
        <v>258147</v>
      </c>
      <c r="L28" s="154">
        <v>258138</v>
      </c>
      <c r="M28" s="154">
        <v>258126</v>
      </c>
      <c r="N28" s="154">
        <v>258205</v>
      </c>
      <c r="O28" s="154">
        <v>258159</v>
      </c>
      <c r="P28" s="70"/>
      <c r="Q28" s="70" t="s">
        <v>113</v>
      </c>
      <c r="R28" s="124"/>
      <c r="W28"/>
      <c r="X28"/>
      <c r="Y28"/>
      <c r="Z28"/>
    </row>
    <row r="29" spans="1:26" s="3" customFormat="1" ht="15" customHeight="1">
      <c r="A29" s="40"/>
      <c r="B29" s="70" t="s">
        <v>115</v>
      </c>
      <c r="C29" s="42"/>
      <c r="D29" s="154">
        <v>424533</v>
      </c>
      <c r="E29" s="154">
        <v>424746</v>
      </c>
      <c r="F29" s="154">
        <v>424744</v>
      </c>
      <c r="G29" s="154">
        <v>425105</v>
      </c>
      <c r="H29" s="154">
        <v>425805</v>
      </c>
      <c r="I29" s="154">
        <v>425953</v>
      </c>
      <c r="J29" s="154">
        <v>426193</v>
      </c>
      <c r="K29" s="154">
        <v>426273</v>
      </c>
      <c r="L29" s="154">
        <v>426461</v>
      </c>
      <c r="M29" s="154">
        <v>426678</v>
      </c>
      <c r="N29" s="154">
        <v>426999</v>
      </c>
      <c r="O29" s="154">
        <v>427044</v>
      </c>
      <c r="P29" s="70"/>
      <c r="Q29" s="70" t="s">
        <v>115</v>
      </c>
      <c r="R29" s="124"/>
      <c r="W29"/>
      <c r="X29"/>
      <c r="Y29"/>
      <c r="Z29"/>
    </row>
    <row r="30" spans="1:26" s="3" customFormat="1" ht="15" customHeight="1">
      <c r="A30" s="40"/>
      <c r="B30" s="70" t="s">
        <v>184</v>
      </c>
      <c r="C30" s="42"/>
      <c r="D30" s="154">
        <v>239477</v>
      </c>
      <c r="E30" s="154">
        <v>239400</v>
      </c>
      <c r="F30" s="154">
        <v>239547</v>
      </c>
      <c r="G30" s="154">
        <v>239476</v>
      </c>
      <c r="H30" s="154">
        <v>239743</v>
      </c>
      <c r="I30" s="154">
        <v>239748</v>
      </c>
      <c r="J30" s="154">
        <v>239798</v>
      </c>
      <c r="K30" s="154">
        <v>239903</v>
      </c>
      <c r="L30" s="154">
        <v>239922</v>
      </c>
      <c r="M30" s="154">
        <v>240046</v>
      </c>
      <c r="N30" s="154">
        <v>240086</v>
      </c>
      <c r="O30" s="154">
        <v>240123</v>
      </c>
      <c r="P30" s="70"/>
      <c r="Q30" s="70" t="s">
        <v>184</v>
      </c>
      <c r="R30" s="124"/>
      <c r="W30"/>
      <c r="X30"/>
      <c r="Y30"/>
      <c r="Z30"/>
    </row>
    <row r="31" spans="1:26" s="3" customFormat="1" ht="15" customHeight="1">
      <c r="A31" s="40"/>
      <c r="B31" s="70" t="s">
        <v>120</v>
      </c>
      <c r="C31" s="42"/>
      <c r="D31" s="154">
        <v>167350</v>
      </c>
      <c r="E31" s="154">
        <v>167244</v>
      </c>
      <c r="F31" s="154">
        <v>167056</v>
      </c>
      <c r="G31" s="154">
        <v>166792</v>
      </c>
      <c r="H31" s="154">
        <v>166898</v>
      </c>
      <c r="I31" s="154">
        <v>166879</v>
      </c>
      <c r="J31" s="154">
        <v>166796</v>
      </c>
      <c r="K31" s="154">
        <v>166739</v>
      </c>
      <c r="L31" s="154">
        <v>166680</v>
      </c>
      <c r="M31" s="154">
        <v>166668</v>
      </c>
      <c r="N31" s="154">
        <v>166635</v>
      </c>
      <c r="O31" s="154">
        <v>166607</v>
      </c>
      <c r="P31" s="70"/>
      <c r="Q31" s="70" t="s">
        <v>120</v>
      </c>
      <c r="R31" s="124"/>
      <c r="W31"/>
      <c r="X31"/>
      <c r="Y31"/>
      <c r="Z31"/>
    </row>
    <row r="32" spans="1:26" s="3" customFormat="1" ht="15" customHeight="1">
      <c r="A32" s="40"/>
      <c r="B32" s="70" t="s">
        <v>123</v>
      </c>
      <c r="C32" s="42"/>
      <c r="D32" s="154">
        <v>101519</v>
      </c>
      <c r="E32" s="154">
        <v>101512</v>
      </c>
      <c r="F32" s="154">
        <v>101478</v>
      </c>
      <c r="G32" s="154">
        <v>101635</v>
      </c>
      <c r="H32" s="154">
        <v>101675</v>
      </c>
      <c r="I32" s="154">
        <v>101696</v>
      </c>
      <c r="J32" s="154">
        <v>101648</v>
      </c>
      <c r="K32" s="154">
        <v>101691</v>
      </c>
      <c r="L32" s="154">
        <v>101713</v>
      </c>
      <c r="M32" s="154">
        <v>101787</v>
      </c>
      <c r="N32" s="154">
        <v>101780</v>
      </c>
      <c r="O32" s="154">
        <v>101831</v>
      </c>
      <c r="P32" s="70"/>
      <c r="Q32" s="70" t="s">
        <v>123</v>
      </c>
      <c r="R32" s="124"/>
      <c r="W32"/>
      <c r="X32"/>
      <c r="Y32"/>
      <c r="Z32"/>
    </row>
    <row r="33" spans="1:26" s="3" customFormat="1" ht="15" customHeight="1">
      <c r="A33" s="40"/>
      <c r="B33" s="70" t="s">
        <v>185</v>
      </c>
      <c r="C33" s="42"/>
      <c r="D33" s="154">
        <v>48018</v>
      </c>
      <c r="E33" s="154">
        <v>48002</v>
      </c>
      <c r="F33" s="154">
        <v>48002</v>
      </c>
      <c r="G33" s="154">
        <v>48015</v>
      </c>
      <c r="H33" s="154">
        <v>48053</v>
      </c>
      <c r="I33" s="154">
        <v>48047</v>
      </c>
      <c r="J33" s="154">
        <v>48090</v>
      </c>
      <c r="K33" s="154">
        <v>48104</v>
      </c>
      <c r="L33" s="154">
        <v>48151</v>
      </c>
      <c r="M33" s="154">
        <v>48116</v>
      </c>
      <c r="N33" s="154">
        <v>48114</v>
      </c>
      <c r="O33" s="154">
        <v>48100</v>
      </c>
      <c r="P33" s="70"/>
      <c r="Q33" s="70" t="s">
        <v>185</v>
      </c>
      <c r="R33" s="124"/>
      <c r="W33"/>
      <c r="X33"/>
      <c r="Y33"/>
      <c r="Z33"/>
    </row>
    <row r="34" spans="1:26" s="3" customFormat="1" ht="15" customHeight="1">
      <c r="A34" s="40"/>
      <c r="B34" s="70" t="s">
        <v>131</v>
      </c>
      <c r="C34" s="42"/>
      <c r="D34" s="154">
        <v>31487</v>
      </c>
      <c r="E34" s="154">
        <v>31474</v>
      </c>
      <c r="F34" s="154">
        <v>31469</v>
      </c>
      <c r="G34" s="154">
        <v>31479</v>
      </c>
      <c r="H34" s="154">
        <v>31523</v>
      </c>
      <c r="I34" s="154">
        <v>31543</v>
      </c>
      <c r="J34" s="154">
        <v>31522</v>
      </c>
      <c r="K34" s="154">
        <v>31507</v>
      </c>
      <c r="L34" s="154">
        <v>31471</v>
      </c>
      <c r="M34" s="154">
        <v>31467</v>
      </c>
      <c r="N34" s="154">
        <v>31465</v>
      </c>
      <c r="O34" s="154">
        <v>31508</v>
      </c>
      <c r="P34" s="70"/>
      <c r="Q34" s="70" t="s">
        <v>131</v>
      </c>
      <c r="R34" s="124"/>
      <c r="W34"/>
      <c r="X34"/>
      <c r="Y34"/>
      <c r="Z34"/>
    </row>
    <row r="35" spans="1:26" s="3" customFormat="1" ht="15" customHeight="1">
      <c r="A35" s="40"/>
      <c r="B35" s="70" t="s">
        <v>132</v>
      </c>
      <c r="C35" s="42"/>
      <c r="D35" s="154">
        <v>28368</v>
      </c>
      <c r="E35" s="154">
        <v>28372</v>
      </c>
      <c r="F35" s="154">
        <v>28373</v>
      </c>
      <c r="G35" s="154">
        <v>28337</v>
      </c>
      <c r="H35" s="154">
        <v>28319</v>
      </c>
      <c r="I35" s="154">
        <v>28279</v>
      </c>
      <c r="J35" s="154">
        <v>28293</v>
      </c>
      <c r="K35" s="154">
        <v>28272</v>
      </c>
      <c r="L35" s="154">
        <v>28259</v>
      </c>
      <c r="M35" s="154">
        <v>28244</v>
      </c>
      <c r="N35" s="154">
        <v>28212</v>
      </c>
      <c r="O35" s="154">
        <v>28185</v>
      </c>
      <c r="P35" s="70"/>
      <c r="Q35" s="70" t="s">
        <v>132</v>
      </c>
      <c r="R35" s="124"/>
      <c r="W35"/>
      <c r="X35"/>
      <c r="Y35"/>
      <c r="Z35"/>
    </row>
    <row r="36" spans="1:26" s="3" customFormat="1" ht="15" customHeight="1">
      <c r="A36" s="40"/>
      <c r="B36" s="70"/>
      <c r="C36" s="42"/>
      <c r="D36" s="154"/>
      <c r="E36" s="154"/>
      <c r="F36" s="154"/>
      <c r="G36" s="154"/>
      <c r="H36" s="154"/>
      <c r="I36" s="154"/>
      <c r="J36" s="154"/>
      <c r="K36" s="154"/>
      <c r="L36" s="154"/>
      <c r="M36" s="154"/>
      <c r="N36" s="154"/>
      <c r="O36" s="154"/>
      <c r="P36" s="70"/>
      <c r="Q36" s="70"/>
      <c r="R36" s="124"/>
      <c r="W36"/>
      <c r="X36"/>
      <c r="Y36"/>
      <c r="Z36"/>
    </row>
    <row r="37" spans="1:26" s="3" customFormat="1" ht="15" customHeight="1">
      <c r="A37" s="247" t="s">
        <v>186</v>
      </c>
      <c r="B37" s="248"/>
      <c r="C37" s="49"/>
      <c r="D37" s="157">
        <v>346742</v>
      </c>
      <c r="E37" s="157">
        <v>346546</v>
      </c>
      <c r="F37" s="157">
        <v>346211</v>
      </c>
      <c r="G37" s="157">
        <v>345516</v>
      </c>
      <c r="H37" s="157">
        <v>345656</v>
      </c>
      <c r="I37" s="157">
        <v>345465</v>
      </c>
      <c r="J37" s="157">
        <v>345413</v>
      </c>
      <c r="K37" s="157">
        <v>345310</v>
      </c>
      <c r="L37" s="157">
        <v>345119</v>
      </c>
      <c r="M37" s="157">
        <v>345013</v>
      </c>
      <c r="N37" s="157">
        <v>344959</v>
      </c>
      <c r="O37" s="157">
        <v>344858</v>
      </c>
      <c r="P37" s="248" t="s">
        <v>186</v>
      </c>
      <c r="Q37" s="248"/>
      <c r="R37" s="133"/>
      <c r="W37"/>
      <c r="X37"/>
      <c r="Y37"/>
      <c r="Z37"/>
    </row>
    <row r="38" spans="1:26" s="3" customFormat="1" ht="15" customHeight="1">
      <c r="A38" s="40"/>
      <c r="B38" s="70" t="s">
        <v>116</v>
      </c>
      <c r="C38" s="42"/>
      <c r="D38" s="154">
        <v>193944</v>
      </c>
      <c r="E38" s="154">
        <v>193843</v>
      </c>
      <c r="F38" s="154">
        <v>193677</v>
      </c>
      <c r="G38" s="154">
        <v>193492</v>
      </c>
      <c r="H38" s="154">
        <v>193598</v>
      </c>
      <c r="I38" s="154">
        <v>193473</v>
      </c>
      <c r="J38" s="154">
        <v>193430</v>
      </c>
      <c r="K38" s="154">
        <v>193366</v>
      </c>
      <c r="L38" s="154">
        <v>193337</v>
      </c>
      <c r="M38" s="154">
        <v>193313</v>
      </c>
      <c r="N38" s="154">
        <v>193326</v>
      </c>
      <c r="O38" s="154">
        <v>193279</v>
      </c>
      <c r="P38" s="70"/>
      <c r="Q38" s="70" t="s">
        <v>116</v>
      </c>
      <c r="R38" s="124"/>
      <c r="W38"/>
      <c r="X38"/>
      <c r="Y38"/>
      <c r="Z38"/>
    </row>
    <row r="39" spans="1:26" s="3" customFormat="1" ht="15" customHeight="1">
      <c r="A39" s="40"/>
      <c r="B39" s="70" t="s">
        <v>126</v>
      </c>
      <c r="C39" s="42"/>
      <c r="D39" s="154">
        <v>43252</v>
      </c>
      <c r="E39" s="154">
        <v>43227</v>
      </c>
      <c r="F39" s="154">
        <v>43204</v>
      </c>
      <c r="G39" s="154">
        <v>43052</v>
      </c>
      <c r="H39" s="154">
        <v>43019</v>
      </c>
      <c r="I39" s="154">
        <v>42979</v>
      </c>
      <c r="J39" s="154">
        <v>42967</v>
      </c>
      <c r="K39" s="154">
        <v>42955</v>
      </c>
      <c r="L39" s="154">
        <v>42923</v>
      </c>
      <c r="M39" s="154">
        <v>42873</v>
      </c>
      <c r="N39" s="154">
        <v>42855</v>
      </c>
      <c r="O39" s="154">
        <v>42870</v>
      </c>
      <c r="P39" s="70"/>
      <c r="Q39" s="70" t="s">
        <v>126</v>
      </c>
      <c r="R39" s="124"/>
      <c r="W39"/>
      <c r="X39"/>
      <c r="Y39"/>
      <c r="Z39"/>
    </row>
    <row r="40" spans="1:26" s="3" customFormat="1" ht="15" customHeight="1">
      <c r="A40" s="40"/>
      <c r="B40" s="70" t="s">
        <v>134</v>
      </c>
      <c r="C40" s="42"/>
      <c r="D40" s="154">
        <v>9635</v>
      </c>
      <c r="E40" s="154">
        <v>9626</v>
      </c>
      <c r="F40" s="154">
        <v>9603</v>
      </c>
      <c r="G40" s="154">
        <v>9608</v>
      </c>
      <c r="H40" s="154">
        <v>9607</v>
      </c>
      <c r="I40" s="154">
        <v>9602</v>
      </c>
      <c r="J40" s="154">
        <v>9625</v>
      </c>
      <c r="K40" s="154">
        <v>9609</v>
      </c>
      <c r="L40" s="154">
        <v>9577</v>
      </c>
      <c r="M40" s="154">
        <v>9583</v>
      </c>
      <c r="N40" s="154">
        <v>9604</v>
      </c>
      <c r="O40" s="154">
        <v>9610</v>
      </c>
      <c r="P40" s="70"/>
      <c r="Q40" s="70" t="s">
        <v>134</v>
      </c>
      <c r="R40" s="124"/>
      <c r="W40"/>
      <c r="X40"/>
      <c r="Y40"/>
      <c r="Z40"/>
    </row>
    <row r="41" spans="1:26" s="3" customFormat="1" ht="15" customHeight="1">
      <c r="A41" s="40"/>
      <c r="B41" s="70" t="s">
        <v>135</v>
      </c>
      <c r="C41" s="42"/>
      <c r="D41" s="154">
        <v>17035</v>
      </c>
      <c r="E41" s="154">
        <v>17036</v>
      </c>
      <c r="F41" s="154">
        <v>17034</v>
      </c>
      <c r="G41" s="154">
        <v>16988</v>
      </c>
      <c r="H41" s="154">
        <v>16964</v>
      </c>
      <c r="I41" s="154">
        <v>16968</v>
      </c>
      <c r="J41" s="154">
        <v>16966</v>
      </c>
      <c r="K41" s="154">
        <v>16967</v>
      </c>
      <c r="L41" s="154">
        <v>16945</v>
      </c>
      <c r="M41" s="154">
        <v>16940</v>
      </c>
      <c r="N41" s="154">
        <v>16919</v>
      </c>
      <c r="O41" s="154">
        <v>16911</v>
      </c>
      <c r="P41" s="70"/>
      <c r="Q41" s="70" t="s">
        <v>135</v>
      </c>
      <c r="R41" s="124"/>
      <c r="W41"/>
      <c r="X41"/>
      <c r="Y41"/>
      <c r="Z41"/>
    </row>
    <row r="42" spans="1:26" s="3" customFormat="1" ht="15" customHeight="1">
      <c r="A42" s="40"/>
      <c r="B42" s="70" t="s">
        <v>136</v>
      </c>
      <c r="C42" s="42"/>
      <c r="D42" s="154">
        <v>11155</v>
      </c>
      <c r="E42" s="154">
        <v>11143</v>
      </c>
      <c r="F42" s="154">
        <v>11130</v>
      </c>
      <c r="G42" s="154">
        <v>11076</v>
      </c>
      <c r="H42" s="154">
        <v>11071</v>
      </c>
      <c r="I42" s="154">
        <v>11059</v>
      </c>
      <c r="J42" s="154">
        <v>11068</v>
      </c>
      <c r="K42" s="154">
        <v>11056</v>
      </c>
      <c r="L42" s="154">
        <v>11052</v>
      </c>
      <c r="M42" s="154">
        <v>11057</v>
      </c>
      <c r="N42" s="154">
        <v>11062</v>
      </c>
      <c r="O42" s="154">
        <v>11039</v>
      </c>
      <c r="P42" s="70"/>
      <c r="Q42" s="70" t="s">
        <v>136</v>
      </c>
      <c r="R42" s="124"/>
      <c r="W42"/>
      <c r="X42"/>
      <c r="Y42"/>
      <c r="Z42"/>
    </row>
    <row r="43" spans="1:26" s="3" customFormat="1" ht="15" customHeight="1">
      <c r="A43" s="40"/>
      <c r="B43" s="70" t="s">
        <v>137</v>
      </c>
      <c r="C43" s="42"/>
      <c r="D43" s="154">
        <v>10657</v>
      </c>
      <c r="E43" s="154">
        <v>10644</v>
      </c>
      <c r="F43" s="154">
        <v>10605</v>
      </c>
      <c r="G43" s="154">
        <v>10544</v>
      </c>
      <c r="H43" s="154">
        <v>10525</v>
      </c>
      <c r="I43" s="154">
        <v>10518</v>
      </c>
      <c r="J43" s="154">
        <v>10517</v>
      </c>
      <c r="K43" s="154">
        <v>10497</v>
      </c>
      <c r="L43" s="154">
        <v>10466</v>
      </c>
      <c r="M43" s="154">
        <v>10458</v>
      </c>
      <c r="N43" s="154">
        <v>10435</v>
      </c>
      <c r="O43" s="154">
        <v>10394</v>
      </c>
      <c r="P43" s="70"/>
      <c r="Q43" s="70" t="s">
        <v>137</v>
      </c>
      <c r="R43" s="124"/>
      <c r="W43"/>
      <c r="X43"/>
      <c r="Y43"/>
      <c r="Z43"/>
    </row>
    <row r="44" spans="1:26" s="3" customFormat="1" ht="15" customHeight="1">
      <c r="A44" s="40"/>
      <c r="B44" s="70" t="s">
        <v>138</v>
      </c>
      <c r="C44" s="42"/>
      <c r="D44" s="154">
        <v>17077</v>
      </c>
      <c r="E44" s="154">
        <v>17098</v>
      </c>
      <c r="F44" s="154">
        <v>17129</v>
      </c>
      <c r="G44" s="154">
        <v>17151</v>
      </c>
      <c r="H44" s="154">
        <v>17198</v>
      </c>
      <c r="I44" s="154">
        <v>17222</v>
      </c>
      <c r="J44" s="154">
        <v>17245</v>
      </c>
      <c r="K44" s="154">
        <v>17278</v>
      </c>
      <c r="L44" s="154">
        <v>17275</v>
      </c>
      <c r="M44" s="154">
        <v>17315</v>
      </c>
      <c r="N44" s="154">
        <v>17319</v>
      </c>
      <c r="O44" s="154">
        <v>17343</v>
      </c>
      <c r="P44" s="70"/>
      <c r="Q44" s="70" t="s">
        <v>138</v>
      </c>
      <c r="R44" s="124"/>
      <c r="W44"/>
      <c r="X44"/>
      <c r="Y44"/>
      <c r="Z44"/>
    </row>
    <row r="45" spans="1:26" s="3" customFormat="1" ht="15" customHeight="1">
      <c r="A45" s="40"/>
      <c r="B45" s="70" t="s">
        <v>140</v>
      </c>
      <c r="C45" s="42"/>
      <c r="D45" s="154">
        <v>11732</v>
      </c>
      <c r="E45" s="154">
        <v>11703</v>
      </c>
      <c r="F45" s="154">
        <v>11665</v>
      </c>
      <c r="G45" s="154">
        <v>11600</v>
      </c>
      <c r="H45" s="154">
        <v>11663</v>
      </c>
      <c r="I45" s="154">
        <v>11674</v>
      </c>
      <c r="J45" s="154">
        <v>11661</v>
      </c>
      <c r="K45" s="154">
        <v>11647</v>
      </c>
      <c r="L45" s="154">
        <v>11647</v>
      </c>
      <c r="M45" s="154">
        <v>11647</v>
      </c>
      <c r="N45" s="154">
        <v>11635</v>
      </c>
      <c r="O45" s="154">
        <v>11625</v>
      </c>
      <c r="P45" s="70"/>
      <c r="Q45" s="70" t="s">
        <v>140</v>
      </c>
      <c r="R45" s="124"/>
      <c r="W45"/>
      <c r="X45"/>
      <c r="Y45"/>
      <c r="Z45"/>
    </row>
    <row r="46" spans="1:26" s="3" customFormat="1" ht="15" customHeight="1">
      <c r="A46" s="40"/>
      <c r="B46" s="70" t="s">
        <v>141</v>
      </c>
      <c r="C46" s="42"/>
      <c r="D46" s="154">
        <v>7305</v>
      </c>
      <c r="E46" s="154">
        <v>7308</v>
      </c>
      <c r="F46" s="154">
        <v>7293</v>
      </c>
      <c r="G46" s="154">
        <v>7245</v>
      </c>
      <c r="H46" s="154">
        <v>7243</v>
      </c>
      <c r="I46" s="154">
        <v>7208</v>
      </c>
      <c r="J46" s="154">
        <v>7201</v>
      </c>
      <c r="K46" s="154">
        <v>7193</v>
      </c>
      <c r="L46" s="154">
        <v>7179</v>
      </c>
      <c r="M46" s="154">
        <v>7169</v>
      </c>
      <c r="N46" s="154">
        <v>7153</v>
      </c>
      <c r="O46" s="154">
        <v>7146</v>
      </c>
      <c r="P46" s="70"/>
      <c r="Q46" s="70" t="s">
        <v>141</v>
      </c>
      <c r="R46" s="124"/>
      <c r="W46"/>
      <c r="X46"/>
      <c r="Y46"/>
      <c r="Z46"/>
    </row>
    <row r="47" spans="1:26" s="3" customFormat="1" ht="15" customHeight="1">
      <c r="A47" s="40"/>
      <c r="B47" s="70" t="s">
        <v>142</v>
      </c>
      <c r="C47" s="42"/>
      <c r="D47" s="154">
        <v>24950</v>
      </c>
      <c r="E47" s="154">
        <v>24918</v>
      </c>
      <c r="F47" s="154">
        <v>24871</v>
      </c>
      <c r="G47" s="154">
        <v>24760</v>
      </c>
      <c r="H47" s="154">
        <v>24768</v>
      </c>
      <c r="I47" s="154">
        <v>24762</v>
      </c>
      <c r="J47" s="154">
        <v>24733</v>
      </c>
      <c r="K47" s="154">
        <v>24742</v>
      </c>
      <c r="L47" s="154">
        <v>24718</v>
      </c>
      <c r="M47" s="154">
        <v>24658</v>
      </c>
      <c r="N47" s="154">
        <v>24651</v>
      </c>
      <c r="O47" s="154">
        <v>24641</v>
      </c>
      <c r="P47" s="70"/>
      <c r="Q47" s="70" t="s">
        <v>142</v>
      </c>
      <c r="R47" s="124"/>
      <c r="W47"/>
      <c r="X47"/>
      <c r="Y47"/>
      <c r="Z47"/>
    </row>
    <row r="48" spans="1:26" s="3" customFormat="1" ht="15" customHeight="1" thickBot="1">
      <c r="A48" s="54"/>
      <c r="B48" s="55"/>
      <c r="C48" s="55"/>
      <c r="D48" s="78"/>
      <c r="E48" s="78"/>
      <c r="F48" s="78"/>
      <c r="G48" s="78"/>
      <c r="H48" s="78"/>
      <c r="I48" s="78"/>
      <c r="J48" s="78"/>
      <c r="K48" s="78"/>
      <c r="L48" s="78"/>
      <c r="M48" s="78"/>
      <c r="N48" s="78"/>
      <c r="O48" s="78"/>
      <c r="P48" s="55"/>
      <c r="Q48" s="55"/>
      <c r="R48" s="147"/>
      <c r="W48"/>
      <c r="X48"/>
      <c r="Y48"/>
      <c r="Z48"/>
    </row>
    <row r="49" spans="23:26" s="3" customFormat="1" ht="9.75" customHeight="1">
      <c r="W49"/>
      <c r="X49"/>
      <c r="Y49"/>
      <c r="Z49"/>
    </row>
  </sheetData>
  <mergeCells count="20">
    <mergeCell ref="D1:I1"/>
    <mergeCell ref="A3:C3"/>
    <mergeCell ref="J3:O3"/>
    <mergeCell ref="P3:R3"/>
    <mergeCell ref="A4:C4"/>
    <mergeCell ref="P4:R4"/>
    <mergeCell ref="A6:B6"/>
    <mergeCell ref="P6:Q6"/>
    <mergeCell ref="A7:B7"/>
    <mergeCell ref="P7:Q7"/>
    <mergeCell ref="A8:B8"/>
    <mergeCell ref="P8:Q8"/>
    <mergeCell ref="A37:B37"/>
    <mergeCell ref="P37:Q37"/>
    <mergeCell ref="A10:B10"/>
    <mergeCell ref="P10:Q10"/>
    <mergeCell ref="A17:B17"/>
    <mergeCell ref="P17:Q17"/>
    <mergeCell ref="A27:B27"/>
    <mergeCell ref="P27:Q27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8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37.5" customHeight="1">
      <c r="A1" s="195" t="s">
        <v>187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8.75" customHeight="1">
      <c r="A2" s="1"/>
      <c r="B2" s="1"/>
      <c r="C2" s="1"/>
      <c r="D2" s="1"/>
      <c r="E2" s="1"/>
      <c r="F2" s="1"/>
      <c r="G2" s="1"/>
      <c r="H2" s="1"/>
      <c r="I2" s="1"/>
      <c r="J2" s="1"/>
      <c r="K2" s="1"/>
    </row>
    <row r="3" spans="1:22" ht="18.75" customHeight="1" thickBot="1">
      <c r="A3" s="196" t="s">
        <v>188</v>
      </c>
      <c r="B3" s="196"/>
      <c r="C3" s="196"/>
      <c r="I3" s="242" t="s">
        <v>53</v>
      </c>
      <c r="J3" s="242"/>
      <c r="K3" s="242"/>
    </row>
    <row r="4" spans="1:22" ht="11.25" customHeight="1">
      <c r="A4" s="197" t="s">
        <v>189</v>
      </c>
      <c r="B4" s="198"/>
      <c r="C4" s="198"/>
      <c r="D4" s="219" t="s">
        <v>3</v>
      </c>
      <c r="E4" s="259" t="s">
        <v>190</v>
      </c>
      <c r="F4" s="5"/>
      <c r="G4" s="166"/>
      <c r="H4" s="166"/>
      <c r="I4" s="166"/>
      <c r="J4" s="167"/>
      <c r="K4" s="226" t="s">
        <v>191</v>
      </c>
    </row>
    <row r="5" spans="1:22" ht="11.25" customHeight="1">
      <c r="A5" s="199"/>
      <c r="B5" s="200"/>
      <c r="C5" s="200"/>
      <c r="D5" s="216"/>
      <c r="E5" s="260"/>
      <c r="F5" s="168"/>
      <c r="G5" s="260" t="s">
        <v>7</v>
      </c>
      <c r="H5" s="169"/>
      <c r="I5" s="260" t="s">
        <v>8</v>
      </c>
      <c r="J5" s="169"/>
      <c r="K5" s="261"/>
    </row>
    <row r="6" spans="1:22" ht="15" customHeight="1">
      <c r="A6" s="201"/>
      <c r="B6" s="202"/>
      <c r="C6" s="202"/>
      <c r="D6" s="216"/>
      <c r="E6" s="216"/>
      <c r="F6" s="9" t="s">
        <v>9</v>
      </c>
      <c r="G6" s="216"/>
      <c r="H6" s="9" t="s">
        <v>9</v>
      </c>
      <c r="I6" s="216"/>
      <c r="J6" s="9" t="s">
        <v>9</v>
      </c>
      <c r="K6" s="262"/>
    </row>
    <row r="7" spans="1:22" ht="10.5" customHeight="1">
      <c r="A7" s="11"/>
      <c r="B7" s="42"/>
      <c r="C7" s="42"/>
      <c r="D7" s="14" t="s">
        <v>10</v>
      </c>
      <c r="E7" s="14" t="s">
        <v>10</v>
      </c>
      <c r="F7" s="14" t="s">
        <v>11</v>
      </c>
      <c r="G7" s="14" t="s">
        <v>10</v>
      </c>
      <c r="H7" s="14" t="s">
        <v>11</v>
      </c>
      <c r="I7" s="14" t="s">
        <v>10</v>
      </c>
      <c r="J7" s="14" t="s">
        <v>11</v>
      </c>
      <c r="K7" s="16" t="s">
        <v>11</v>
      </c>
    </row>
    <row r="8" spans="1:22" ht="11.25" customHeight="1">
      <c r="A8" s="11"/>
      <c r="B8" s="42"/>
      <c r="C8" s="42"/>
      <c r="D8" s="14"/>
      <c r="E8" s="14"/>
      <c r="F8" s="14"/>
      <c r="G8" s="14"/>
      <c r="H8" s="14"/>
      <c r="I8" s="14"/>
      <c r="J8" s="14"/>
      <c r="K8" s="16"/>
    </row>
    <row r="9" spans="1:22" ht="26.25" customHeight="1">
      <c r="A9" s="40"/>
      <c r="B9" s="70" t="s">
        <v>80</v>
      </c>
      <c r="C9" s="42"/>
      <c r="D9" s="154">
        <v>9147400</v>
      </c>
      <c r="E9" s="154">
        <v>19363</v>
      </c>
      <c r="F9" s="170">
        <v>0.21</v>
      </c>
      <c r="G9" s="154">
        <v>-5354</v>
      </c>
      <c r="H9" s="170">
        <v>-0.06</v>
      </c>
      <c r="I9" s="154">
        <v>24717</v>
      </c>
      <c r="J9" s="170">
        <v>0.27</v>
      </c>
      <c r="K9" s="171">
        <v>100</v>
      </c>
    </row>
    <row r="10" spans="1:22" ht="26.25" customHeight="1">
      <c r="A10" s="40"/>
      <c r="B10" s="70" t="s">
        <v>178</v>
      </c>
      <c r="C10" s="42"/>
      <c r="D10" s="154">
        <v>3731096</v>
      </c>
      <c r="E10" s="154">
        <v>6401</v>
      </c>
      <c r="F10" s="170">
        <v>0.17</v>
      </c>
      <c r="G10" s="154">
        <v>-2084</v>
      </c>
      <c r="H10" s="170">
        <v>-0.06</v>
      </c>
      <c r="I10" s="154">
        <v>8485</v>
      </c>
      <c r="J10" s="170">
        <v>0.23</v>
      </c>
      <c r="K10" s="171">
        <v>33.1</v>
      </c>
    </row>
    <row r="11" spans="1:22" ht="26.25" customHeight="1">
      <c r="A11" s="40"/>
      <c r="B11" s="70" t="s">
        <v>179</v>
      </c>
      <c r="C11" s="42"/>
      <c r="D11" s="154">
        <v>1491577</v>
      </c>
      <c r="E11" s="154">
        <v>14441</v>
      </c>
      <c r="F11" s="170">
        <v>0.98</v>
      </c>
      <c r="G11" s="154">
        <v>4167</v>
      </c>
      <c r="H11" s="170">
        <v>0.28000000000000003</v>
      </c>
      <c r="I11" s="154">
        <v>10274</v>
      </c>
      <c r="J11" s="170">
        <v>0.7</v>
      </c>
      <c r="K11" s="171">
        <v>74.599999999999994</v>
      </c>
    </row>
    <row r="12" spans="1:22" ht="26.25" customHeight="1">
      <c r="A12" s="40"/>
      <c r="B12" s="70" t="s">
        <v>180</v>
      </c>
      <c r="C12" s="42"/>
      <c r="D12" s="154">
        <v>709759</v>
      </c>
      <c r="E12" s="154">
        <v>-3660</v>
      </c>
      <c r="F12" s="170">
        <v>-0.51</v>
      </c>
      <c r="G12" s="154">
        <v>-3581</v>
      </c>
      <c r="H12" s="170">
        <v>-0.5</v>
      </c>
      <c r="I12" s="154">
        <v>-79</v>
      </c>
      <c r="J12" s="170">
        <v>-0.01</v>
      </c>
      <c r="K12" s="171">
        <v>-18.899999999999999</v>
      </c>
    </row>
    <row r="13" spans="1:22" ht="26.25" customHeight="1">
      <c r="A13" s="40"/>
      <c r="B13" s="70" t="s">
        <v>182</v>
      </c>
      <c r="C13" s="42"/>
      <c r="D13" s="154">
        <v>1568539</v>
      </c>
      <c r="E13" s="154">
        <v>1519</v>
      </c>
      <c r="F13" s="170">
        <v>0.1</v>
      </c>
      <c r="G13" s="154">
        <v>-481</v>
      </c>
      <c r="H13" s="170">
        <v>-0.03</v>
      </c>
      <c r="I13" s="154">
        <v>2000</v>
      </c>
      <c r="J13" s="170">
        <v>0.13</v>
      </c>
      <c r="K13" s="171">
        <v>7.8</v>
      </c>
    </row>
    <row r="14" spans="1:22" ht="26.25" customHeight="1">
      <c r="A14" s="40"/>
      <c r="B14" s="70" t="s">
        <v>183</v>
      </c>
      <c r="C14" s="42"/>
      <c r="D14" s="154">
        <v>1301667</v>
      </c>
      <c r="E14" s="154">
        <v>2642</v>
      </c>
      <c r="F14" s="170">
        <v>0.2</v>
      </c>
      <c r="G14" s="154">
        <v>-1564</v>
      </c>
      <c r="H14" s="170">
        <v>-0.12</v>
      </c>
      <c r="I14" s="154">
        <v>4206</v>
      </c>
      <c r="J14" s="170">
        <v>0.32</v>
      </c>
      <c r="K14" s="171">
        <v>13.6</v>
      </c>
    </row>
    <row r="15" spans="1:22" s="3" customFormat="1" ht="26.25" customHeight="1">
      <c r="A15" s="40"/>
      <c r="B15" s="70" t="s">
        <v>186</v>
      </c>
      <c r="C15" s="42"/>
      <c r="D15" s="154">
        <v>344762</v>
      </c>
      <c r="E15" s="154">
        <v>-1980</v>
      </c>
      <c r="F15" s="170">
        <v>-0.56999999999999995</v>
      </c>
      <c r="G15" s="154">
        <v>-1811</v>
      </c>
      <c r="H15" s="170">
        <v>-0.52</v>
      </c>
      <c r="I15" s="154">
        <v>-169</v>
      </c>
      <c r="J15" s="170">
        <v>-0.05</v>
      </c>
      <c r="K15" s="171">
        <v>-10.199999999999999</v>
      </c>
      <c r="S15"/>
      <c r="T15"/>
      <c r="U15"/>
      <c r="V15"/>
    </row>
    <row r="16" spans="1:22" s="3" customFormat="1" ht="15" customHeight="1" thickBot="1">
      <c r="A16" s="54"/>
      <c r="B16" s="55"/>
      <c r="C16" s="55"/>
      <c r="D16" s="78"/>
      <c r="E16" s="78"/>
      <c r="F16" s="78"/>
      <c r="G16" s="78"/>
      <c r="H16" s="78"/>
      <c r="I16" s="78"/>
      <c r="J16" s="78"/>
      <c r="K16" s="172"/>
      <c r="S16"/>
      <c r="T16"/>
      <c r="U16"/>
      <c r="V16"/>
    </row>
    <row r="17" spans="1:22" s="3" customFormat="1" ht="9.75" customHeight="1">
      <c r="A17" s="194" t="s">
        <v>192</v>
      </c>
      <c r="B17" s="194"/>
      <c r="C17" s="194"/>
      <c r="D17" s="194"/>
      <c r="E17" s="194"/>
      <c r="F17" s="194"/>
      <c r="G17" s="194"/>
      <c r="H17" s="194"/>
      <c r="I17" s="194"/>
      <c r="J17" s="194"/>
      <c r="K17" s="194"/>
      <c r="S17"/>
      <c r="T17"/>
      <c r="U17"/>
      <c r="V17"/>
    </row>
    <row r="21" spans="1:22" ht="18.75" customHeight="1">
      <c r="A21" s="258" t="s">
        <v>193</v>
      </c>
      <c r="B21" s="258"/>
      <c r="C21" s="258"/>
      <c r="D21" s="258"/>
      <c r="E21" s="258"/>
      <c r="F21" s="258"/>
      <c r="G21" s="258"/>
      <c r="H21" s="258"/>
      <c r="I21" s="258"/>
      <c r="J21" s="258"/>
      <c r="K21" s="258"/>
    </row>
    <row r="23" spans="1:22" ht="18.75" customHeight="1">
      <c r="B23" s="173" t="s">
        <v>178</v>
      </c>
      <c r="D23" s="174" t="s">
        <v>194</v>
      </c>
      <c r="E23" s="196" t="s">
        <v>83</v>
      </c>
      <c r="F23" s="196"/>
      <c r="G23" s="196"/>
      <c r="H23" s="196"/>
      <c r="I23" s="196"/>
      <c r="J23" s="196"/>
      <c r="K23" s="196"/>
    </row>
    <row r="24" spans="1:22" ht="18.75" customHeight="1">
      <c r="B24" s="173" t="s">
        <v>179</v>
      </c>
      <c r="D24" s="174" t="s">
        <v>194</v>
      </c>
      <c r="E24" s="196" t="s">
        <v>102</v>
      </c>
      <c r="F24" s="196"/>
      <c r="G24" s="196"/>
      <c r="H24" s="196"/>
      <c r="I24" s="196"/>
      <c r="J24" s="196"/>
      <c r="K24" s="196"/>
    </row>
    <row r="25" spans="1:22" ht="18.75" customHeight="1">
      <c r="B25" s="173" t="s">
        <v>180</v>
      </c>
      <c r="D25" s="174" t="s">
        <v>194</v>
      </c>
      <c r="E25" s="196" t="s">
        <v>195</v>
      </c>
      <c r="F25" s="196"/>
      <c r="G25" s="196"/>
      <c r="H25" s="196"/>
      <c r="I25" s="196"/>
      <c r="J25" s="196"/>
      <c r="K25" s="196"/>
    </row>
    <row r="26" spans="1:22" ht="18.75" customHeight="1">
      <c r="B26" s="173" t="s">
        <v>182</v>
      </c>
      <c r="D26" s="174" t="s">
        <v>194</v>
      </c>
      <c r="E26" s="196" t="s">
        <v>196</v>
      </c>
      <c r="F26" s="196"/>
      <c r="G26" s="196"/>
      <c r="H26" s="196"/>
      <c r="I26" s="196"/>
      <c r="J26" s="196"/>
      <c r="K26" s="196"/>
    </row>
    <row r="27" spans="1:22" ht="18.75" customHeight="1">
      <c r="B27" s="173" t="s">
        <v>183</v>
      </c>
      <c r="D27" s="174" t="s">
        <v>194</v>
      </c>
      <c r="E27" s="196" t="s">
        <v>197</v>
      </c>
      <c r="F27" s="196"/>
      <c r="G27" s="196"/>
      <c r="H27" s="196"/>
      <c r="I27" s="196"/>
      <c r="J27" s="196"/>
      <c r="K27" s="196"/>
    </row>
    <row r="28" spans="1:22" ht="18.75" customHeight="1">
      <c r="B28" s="173" t="s">
        <v>186</v>
      </c>
      <c r="D28" s="174" t="s">
        <v>194</v>
      </c>
      <c r="E28" s="196" t="s">
        <v>198</v>
      </c>
      <c r="F28" s="196"/>
      <c r="G28" s="196"/>
      <c r="H28" s="196"/>
      <c r="I28" s="196"/>
      <c r="J28" s="196"/>
      <c r="K28" s="196"/>
    </row>
  </sheetData>
  <mergeCells count="17">
    <mergeCell ref="A1:K1"/>
    <mergeCell ref="A3:C3"/>
    <mergeCell ref="I3:K3"/>
    <mergeCell ref="A4:C6"/>
    <mergeCell ref="D4:D6"/>
    <mergeCell ref="E4:E6"/>
    <mergeCell ref="K4:K6"/>
    <mergeCell ref="G5:G6"/>
    <mergeCell ref="I5:I6"/>
    <mergeCell ref="E27:K27"/>
    <mergeCell ref="E28:K28"/>
    <mergeCell ref="A17:K17"/>
    <mergeCell ref="A21:K21"/>
    <mergeCell ref="E23:K23"/>
    <mergeCell ref="E24:K24"/>
    <mergeCell ref="E25:K25"/>
    <mergeCell ref="E26:K26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6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18" ht="18.75" customHeight="1">
      <c r="A1" s="195" t="s">
        <v>199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18" ht="15" customHeight="1" thickBot="1">
      <c r="A2" s="196" t="s">
        <v>200</v>
      </c>
      <c r="B2" s="196"/>
      <c r="C2" s="196"/>
      <c r="I2" s="263" t="s">
        <v>201</v>
      </c>
      <c r="J2" s="263"/>
      <c r="K2" s="263"/>
    </row>
    <row r="3" spans="1:18" ht="15" customHeight="1">
      <c r="A3" s="197" t="s">
        <v>76</v>
      </c>
      <c r="B3" s="198"/>
      <c r="C3" s="198"/>
      <c r="D3" s="219" t="s">
        <v>3</v>
      </c>
      <c r="E3" s="219"/>
      <c r="F3" s="219"/>
      <c r="G3" s="203" t="s">
        <v>5</v>
      </c>
      <c r="H3" s="264" t="s">
        <v>202</v>
      </c>
      <c r="I3" s="264" t="s">
        <v>203</v>
      </c>
      <c r="J3" s="264" t="s">
        <v>204</v>
      </c>
      <c r="K3" s="212" t="s">
        <v>205</v>
      </c>
    </row>
    <row r="4" spans="1:18" ht="15" customHeight="1">
      <c r="A4" s="201"/>
      <c r="B4" s="202"/>
      <c r="C4" s="202"/>
      <c r="D4" s="10" t="s">
        <v>46</v>
      </c>
      <c r="E4" s="10" t="s">
        <v>157</v>
      </c>
      <c r="F4" s="10" t="s">
        <v>158</v>
      </c>
      <c r="G4" s="205"/>
      <c r="H4" s="205"/>
      <c r="I4" s="205"/>
      <c r="J4" s="205"/>
      <c r="K4" s="214"/>
    </row>
    <row r="5" spans="1:18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206</v>
      </c>
      <c r="K5" s="16" t="s">
        <v>11</v>
      </c>
    </row>
    <row r="6" spans="1:18" ht="9.75" customHeight="1">
      <c r="A6" s="251" t="s">
        <v>80</v>
      </c>
      <c r="B6" s="252"/>
      <c r="C6" s="19"/>
      <c r="D6" s="20">
        <v>9147400</v>
      </c>
      <c r="E6" s="20">
        <v>4566154</v>
      </c>
      <c r="F6" s="20">
        <v>4581246</v>
      </c>
      <c r="G6" s="20">
        <v>4026195</v>
      </c>
      <c r="H6" s="175">
        <v>2.2719714271166698</v>
      </c>
      <c r="I6" s="20">
        <v>3786.4419267912062</v>
      </c>
      <c r="J6" s="176">
        <v>99.670569971575418</v>
      </c>
      <c r="K6" s="177">
        <v>100</v>
      </c>
    </row>
    <row r="7" spans="1:18" s="33" customFormat="1" ht="9.75" customHeight="1">
      <c r="A7" s="253" t="s">
        <v>81</v>
      </c>
      <c r="B7" s="254"/>
      <c r="C7" s="35"/>
      <c r="D7" s="151">
        <v>8855574</v>
      </c>
      <c r="E7" s="151">
        <v>4422596</v>
      </c>
      <c r="F7" s="151">
        <v>4432978</v>
      </c>
      <c r="G7" s="151">
        <v>3909237</v>
      </c>
      <c r="H7" s="178">
        <v>2.2652947365432179</v>
      </c>
      <c r="I7" s="151">
        <v>4893.853099976237</v>
      </c>
      <c r="J7" s="179">
        <v>99.765800777716478</v>
      </c>
      <c r="K7" s="180">
        <v>96.809738286289004</v>
      </c>
      <c r="L7" s="32"/>
      <c r="M7" s="32"/>
      <c r="N7" s="32"/>
      <c r="O7" s="32"/>
      <c r="P7" s="32"/>
      <c r="Q7" s="32"/>
      <c r="R7" s="32"/>
    </row>
    <row r="8" spans="1:18" s="33" customFormat="1" ht="9.75" customHeight="1">
      <c r="A8" s="253" t="s">
        <v>82</v>
      </c>
      <c r="B8" s="254"/>
      <c r="C8" s="35"/>
      <c r="D8" s="151">
        <v>291826</v>
      </c>
      <c r="E8" s="151">
        <v>143558</v>
      </c>
      <c r="F8" s="151">
        <v>148268</v>
      </c>
      <c r="G8" s="151">
        <v>116958</v>
      </c>
      <c r="H8" s="178">
        <v>2.4951350057285522</v>
      </c>
      <c r="I8" s="151">
        <v>481.32277750288642</v>
      </c>
      <c r="J8" s="179">
        <v>96.823319934173256</v>
      </c>
      <c r="K8" s="180">
        <v>3.1902617137109996</v>
      </c>
      <c r="L8" s="32"/>
      <c r="M8" s="32"/>
      <c r="N8" s="32"/>
      <c r="O8" s="32"/>
      <c r="P8" s="32"/>
      <c r="Q8" s="32"/>
      <c r="R8" s="32"/>
    </row>
    <row r="9" spans="1:18" ht="3.75" customHeight="1">
      <c r="A9" s="40"/>
      <c r="B9" s="70"/>
      <c r="C9" s="42"/>
      <c r="D9" s="154"/>
      <c r="E9" s="154"/>
      <c r="F9" s="154"/>
      <c r="G9" s="154"/>
      <c r="H9" s="170"/>
      <c r="I9" s="154"/>
      <c r="J9" s="181"/>
      <c r="K9" s="182"/>
    </row>
    <row r="10" spans="1:18" ht="9.75" customHeight="1">
      <c r="A10" s="247" t="s">
        <v>83</v>
      </c>
      <c r="B10" s="248"/>
      <c r="C10" s="49"/>
      <c r="D10" s="157">
        <v>3731096</v>
      </c>
      <c r="E10" s="157">
        <v>1857056</v>
      </c>
      <c r="F10" s="157">
        <v>1874040</v>
      </c>
      <c r="G10" s="157">
        <v>1661002</v>
      </c>
      <c r="H10" s="183">
        <v>2.2462922982633375</v>
      </c>
      <c r="I10" s="157">
        <v>8528.414363756885</v>
      </c>
      <c r="J10" s="184">
        <v>99.093722652664823</v>
      </c>
      <c r="K10" s="185">
        <v>40.788595666528195</v>
      </c>
    </row>
    <row r="11" spans="1:18" ht="9.75" customHeight="1">
      <c r="A11" s="40"/>
      <c r="B11" s="70" t="s">
        <v>84</v>
      </c>
      <c r="C11" s="42"/>
      <c r="D11" s="154">
        <v>287451</v>
      </c>
      <c r="E11" s="154">
        <v>148559</v>
      </c>
      <c r="F11" s="154">
        <v>138892</v>
      </c>
      <c r="G11" s="154">
        <v>134532</v>
      </c>
      <c r="H11" s="170">
        <v>2.1366738025153866</v>
      </c>
      <c r="I11" s="154">
        <v>8650.3460728257614</v>
      </c>
      <c r="J11" s="181">
        <v>106.96008409411628</v>
      </c>
      <c r="K11" s="182">
        <v>3.1424339156481622</v>
      </c>
    </row>
    <row r="12" spans="1:18" ht="9.75" customHeight="1">
      <c r="A12" s="40"/>
      <c r="B12" s="70" t="s">
        <v>85</v>
      </c>
      <c r="C12" s="42"/>
      <c r="D12" s="154">
        <v>240224</v>
      </c>
      <c r="E12" s="154">
        <v>122307</v>
      </c>
      <c r="F12" s="154">
        <v>117917</v>
      </c>
      <c r="G12" s="154">
        <v>120957</v>
      </c>
      <c r="H12" s="170">
        <v>1.9860280926279588</v>
      </c>
      <c r="I12" s="154">
        <v>10123.219553308048</v>
      </c>
      <c r="J12" s="181">
        <v>103.72295767361788</v>
      </c>
      <c r="K12" s="182">
        <v>2.6261451341364763</v>
      </c>
    </row>
    <row r="13" spans="1:18" ht="9.75" customHeight="1">
      <c r="A13" s="40"/>
      <c r="B13" s="70" t="s">
        <v>86</v>
      </c>
      <c r="C13" s="42"/>
      <c r="D13" s="154">
        <v>98646</v>
      </c>
      <c r="E13" s="154">
        <v>49863</v>
      </c>
      <c r="F13" s="154">
        <v>48783</v>
      </c>
      <c r="G13" s="154">
        <v>52039</v>
      </c>
      <c r="H13" s="170">
        <v>1.895616748976729</v>
      </c>
      <c r="I13" s="154">
        <v>14032.147937411095</v>
      </c>
      <c r="J13" s="181">
        <v>102.21388598487178</v>
      </c>
      <c r="K13" s="182">
        <v>1.0784047926186675</v>
      </c>
    </row>
    <row r="14" spans="1:18" ht="9.75" customHeight="1">
      <c r="A14" s="40"/>
      <c r="B14" s="70" t="s">
        <v>87</v>
      </c>
      <c r="C14" s="42"/>
      <c r="D14" s="154">
        <v>149095</v>
      </c>
      <c r="E14" s="154">
        <v>78344</v>
      </c>
      <c r="F14" s="154">
        <v>70751</v>
      </c>
      <c r="G14" s="154">
        <v>79506</v>
      </c>
      <c r="H14" s="170">
        <v>1.875267275425754</v>
      </c>
      <c r="I14" s="154">
        <v>7032.7830188679245</v>
      </c>
      <c r="J14" s="181">
        <v>110.73200378793233</v>
      </c>
      <c r="K14" s="182">
        <v>1.6299166976408597</v>
      </c>
    </row>
    <row r="15" spans="1:18" ht="9.75" customHeight="1">
      <c r="A15" s="40"/>
      <c r="B15" s="70" t="s">
        <v>88</v>
      </c>
      <c r="C15" s="42"/>
      <c r="D15" s="154">
        <v>194752</v>
      </c>
      <c r="E15" s="154">
        <v>96971</v>
      </c>
      <c r="F15" s="154">
        <v>97781</v>
      </c>
      <c r="G15" s="154">
        <v>96335</v>
      </c>
      <c r="H15" s="170">
        <v>2.021612082835937</v>
      </c>
      <c r="I15" s="154">
        <v>15395.415019762846</v>
      </c>
      <c r="J15" s="181">
        <v>99.171618208036321</v>
      </c>
      <c r="K15" s="182">
        <v>2.1290421321905679</v>
      </c>
    </row>
    <row r="16" spans="1:18" ht="9.75" customHeight="1">
      <c r="A16" s="40"/>
      <c r="B16" s="70" t="s">
        <v>89</v>
      </c>
      <c r="C16" s="42"/>
      <c r="D16" s="154">
        <v>214519</v>
      </c>
      <c r="E16" s="154">
        <v>105410</v>
      </c>
      <c r="F16" s="154">
        <v>109109</v>
      </c>
      <c r="G16" s="154">
        <v>91598</v>
      </c>
      <c r="H16" s="170">
        <v>2.3419616148824209</v>
      </c>
      <c r="I16" s="154">
        <v>10779.849246231157</v>
      </c>
      <c r="J16" s="181">
        <v>96.609812206142493</v>
      </c>
      <c r="K16" s="182">
        <v>2.3451363228895641</v>
      </c>
    </row>
    <row r="17" spans="1:11" ht="9.75" customHeight="1">
      <c r="A17" s="40"/>
      <c r="B17" s="70" t="s">
        <v>90</v>
      </c>
      <c r="C17" s="42"/>
      <c r="D17" s="154">
        <v>206621</v>
      </c>
      <c r="E17" s="154">
        <v>102834</v>
      </c>
      <c r="F17" s="154">
        <v>103787</v>
      </c>
      <c r="G17" s="154">
        <v>94013</v>
      </c>
      <c r="H17" s="170">
        <v>2.1977917947517898</v>
      </c>
      <c r="I17" s="154">
        <v>9421.8422252621986</v>
      </c>
      <c r="J17" s="181">
        <v>99.081773247131139</v>
      </c>
      <c r="K17" s="182">
        <v>2.2587948488094978</v>
      </c>
    </row>
    <row r="18" spans="1:11" ht="9.75" customHeight="1">
      <c r="A18" s="40"/>
      <c r="B18" s="70" t="s">
        <v>91</v>
      </c>
      <c r="C18" s="42"/>
      <c r="D18" s="154">
        <v>246517</v>
      </c>
      <c r="E18" s="154">
        <v>119695</v>
      </c>
      <c r="F18" s="154">
        <v>126822</v>
      </c>
      <c r="G18" s="154">
        <v>103547</v>
      </c>
      <c r="H18" s="170">
        <v>2.3807256608110325</v>
      </c>
      <c r="I18" s="154">
        <v>7531.8362358692339</v>
      </c>
      <c r="J18" s="181">
        <v>94.380312564066173</v>
      </c>
      <c r="K18" s="182">
        <v>2.6949406388700616</v>
      </c>
    </row>
    <row r="19" spans="1:11" ht="9.75" customHeight="1">
      <c r="A19" s="40"/>
      <c r="B19" s="70" t="s">
        <v>92</v>
      </c>
      <c r="C19" s="42"/>
      <c r="D19" s="154">
        <v>166420</v>
      </c>
      <c r="E19" s="154">
        <v>81962</v>
      </c>
      <c r="F19" s="154">
        <v>84458</v>
      </c>
      <c r="G19" s="154">
        <v>75299</v>
      </c>
      <c r="H19" s="170">
        <v>2.2101223123813067</v>
      </c>
      <c r="I19" s="154">
        <v>8735.9580052493438</v>
      </c>
      <c r="J19" s="181">
        <v>97.044684932155619</v>
      </c>
      <c r="K19" s="182">
        <v>1.8193147779696963</v>
      </c>
    </row>
    <row r="20" spans="1:11" ht="9.75" customHeight="1">
      <c r="A20" s="40"/>
      <c r="B20" s="70" t="s">
        <v>93</v>
      </c>
      <c r="C20" s="42"/>
      <c r="D20" s="154">
        <v>200850</v>
      </c>
      <c r="E20" s="154">
        <v>98443</v>
      </c>
      <c r="F20" s="154">
        <v>102407</v>
      </c>
      <c r="G20" s="154">
        <v>87159</v>
      </c>
      <c r="H20" s="170">
        <v>2.3044091832168796</v>
      </c>
      <c r="I20" s="154">
        <v>6487.4031007751937</v>
      </c>
      <c r="J20" s="181">
        <v>96.129170857460906</v>
      </c>
      <c r="K20" s="182">
        <v>2.195705883639067</v>
      </c>
    </row>
    <row r="21" spans="1:11" ht="9.75" customHeight="1">
      <c r="A21" s="40"/>
      <c r="B21" s="70" t="s">
        <v>94</v>
      </c>
      <c r="C21" s="42"/>
      <c r="D21" s="154">
        <v>346922</v>
      </c>
      <c r="E21" s="154">
        <v>175583</v>
      </c>
      <c r="F21" s="154">
        <v>171339</v>
      </c>
      <c r="G21" s="154">
        <v>164981</v>
      </c>
      <c r="H21" s="170">
        <v>2.1027997163309715</v>
      </c>
      <c r="I21" s="154">
        <v>11048.471337579618</v>
      </c>
      <c r="J21" s="181">
        <v>102.47696087872581</v>
      </c>
      <c r="K21" s="182">
        <v>3.7925749393270216</v>
      </c>
    </row>
    <row r="22" spans="1:11" ht="9.75" customHeight="1">
      <c r="A22" s="40"/>
      <c r="B22" s="70" t="s">
        <v>95</v>
      </c>
      <c r="C22" s="42"/>
      <c r="D22" s="154">
        <v>181165</v>
      </c>
      <c r="E22" s="154">
        <v>89310</v>
      </c>
      <c r="F22" s="154">
        <v>91855</v>
      </c>
      <c r="G22" s="154">
        <v>75592</v>
      </c>
      <c r="H22" s="170">
        <v>2.3966160440258228</v>
      </c>
      <c r="I22" s="154">
        <v>7101.7248137985098</v>
      </c>
      <c r="J22" s="181">
        <v>97.229328833487557</v>
      </c>
      <c r="K22" s="182">
        <v>1.9805081225266197</v>
      </c>
    </row>
    <row r="23" spans="1:11" ht="9.75" customHeight="1">
      <c r="A23" s="40"/>
      <c r="B23" s="70" t="s">
        <v>96</v>
      </c>
      <c r="C23" s="42"/>
      <c r="D23" s="154">
        <v>310499</v>
      </c>
      <c r="E23" s="154">
        <v>151240</v>
      </c>
      <c r="F23" s="154">
        <v>159259</v>
      </c>
      <c r="G23" s="154">
        <v>126484</v>
      </c>
      <c r="H23" s="170">
        <v>2.4548480440213782</v>
      </c>
      <c r="I23" s="154">
        <v>8815.9852356615556</v>
      </c>
      <c r="J23" s="181">
        <v>94.964805756660525</v>
      </c>
      <c r="K23" s="182">
        <v>3.3943962218772548</v>
      </c>
    </row>
    <row r="24" spans="1:11" ht="9.75" customHeight="1">
      <c r="A24" s="40"/>
      <c r="B24" s="70" t="s">
        <v>97</v>
      </c>
      <c r="C24" s="42"/>
      <c r="D24" s="154">
        <v>212170</v>
      </c>
      <c r="E24" s="154">
        <v>106021</v>
      </c>
      <c r="F24" s="154">
        <v>106149</v>
      </c>
      <c r="G24" s="154">
        <v>81361</v>
      </c>
      <c r="H24" s="170">
        <v>2.6077604749204166</v>
      </c>
      <c r="I24" s="154">
        <v>7612.8453534266237</v>
      </c>
      <c r="J24" s="181">
        <v>99.879414784877866</v>
      </c>
      <c r="K24" s="182">
        <v>2.3194568948553687</v>
      </c>
    </row>
    <row r="25" spans="1:11" ht="9.75" customHeight="1">
      <c r="A25" s="40"/>
      <c r="B25" s="70" t="s">
        <v>98</v>
      </c>
      <c r="C25" s="42"/>
      <c r="D25" s="154">
        <v>275996</v>
      </c>
      <c r="E25" s="154">
        <v>135385</v>
      </c>
      <c r="F25" s="154">
        <v>140611</v>
      </c>
      <c r="G25" s="154">
        <v>114614</v>
      </c>
      <c r="H25" s="170">
        <v>2.4080478824576406</v>
      </c>
      <c r="I25" s="154">
        <v>7711.5395361832916</v>
      </c>
      <c r="J25" s="181">
        <v>96.283363321504012</v>
      </c>
      <c r="K25" s="182">
        <v>3.0172070752344928</v>
      </c>
    </row>
    <row r="26" spans="1:11" ht="9.75" customHeight="1">
      <c r="A26" s="40"/>
      <c r="B26" s="70" t="s">
        <v>99</v>
      </c>
      <c r="C26" s="42"/>
      <c r="D26" s="154">
        <v>121362</v>
      </c>
      <c r="E26" s="154">
        <v>59299</v>
      </c>
      <c r="F26" s="154">
        <v>62063</v>
      </c>
      <c r="G26" s="154">
        <v>50971</v>
      </c>
      <c r="H26" s="170">
        <v>2.3810009613309528</v>
      </c>
      <c r="I26" s="154">
        <v>6553.0237580993526</v>
      </c>
      <c r="J26" s="181">
        <v>95.546460854293215</v>
      </c>
      <c r="K26" s="182">
        <v>1.3267376522290488</v>
      </c>
    </row>
    <row r="27" spans="1:11" ht="9.75" customHeight="1">
      <c r="A27" s="40"/>
      <c r="B27" s="70" t="s">
        <v>100</v>
      </c>
      <c r="C27" s="42"/>
      <c r="D27" s="154">
        <v>153690</v>
      </c>
      <c r="E27" s="154">
        <v>75190</v>
      </c>
      <c r="F27" s="154">
        <v>78500</v>
      </c>
      <c r="G27" s="154">
        <v>61240</v>
      </c>
      <c r="H27" s="170">
        <v>2.5096342259960811</v>
      </c>
      <c r="I27" s="154">
        <v>6517.8117048346057</v>
      </c>
      <c r="J27" s="181">
        <v>95.783439490445872</v>
      </c>
      <c r="K27" s="182">
        <v>1.6801495506919999</v>
      </c>
    </row>
    <row r="28" spans="1:11" ht="9.75" customHeight="1">
      <c r="A28" s="40"/>
      <c r="B28" s="70" t="s">
        <v>101</v>
      </c>
      <c r="C28" s="42"/>
      <c r="D28" s="154">
        <v>124197</v>
      </c>
      <c r="E28" s="154">
        <v>60640</v>
      </c>
      <c r="F28" s="154">
        <v>63557</v>
      </c>
      <c r="G28" s="154">
        <v>50774</v>
      </c>
      <c r="H28" s="170">
        <v>2.4460747626738093</v>
      </c>
      <c r="I28" s="154">
        <v>7233.3721607454854</v>
      </c>
      <c r="J28" s="181">
        <v>95.410418993973906</v>
      </c>
      <c r="K28" s="182">
        <v>1.3577300653737674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70"/>
      <c r="I29" s="154"/>
      <c r="J29" s="181"/>
      <c r="K29" s="182"/>
    </row>
    <row r="30" spans="1:11" ht="9.75" customHeight="1">
      <c r="A30" s="247" t="s">
        <v>102</v>
      </c>
      <c r="B30" s="248"/>
      <c r="C30" s="49"/>
      <c r="D30" s="157">
        <v>1491577</v>
      </c>
      <c r="E30" s="157">
        <v>756755</v>
      </c>
      <c r="F30" s="157">
        <v>734822</v>
      </c>
      <c r="G30" s="157">
        <v>704776</v>
      </c>
      <c r="H30" s="183">
        <v>2.1163844966343914</v>
      </c>
      <c r="I30" s="157">
        <v>10430.608391608392</v>
      </c>
      <c r="J30" s="184">
        <v>102.98480448326262</v>
      </c>
      <c r="K30" s="185">
        <v>16.306021383125259</v>
      </c>
    </row>
    <row r="31" spans="1:11" ht="9.75" customHeight="1">
      <c r="A31" s="40"/>
      <c r="B31" s="70" t="s">
        <v>103</v>
      </c>
      <c r="C31" s="42"/>
      <c r="D31" s="154">
        <v>226727</v>
      </c>
      <c r="E31" s="154">
        <v>121548</v>
      </c>
      <c r="F31" s="154">
        <v>105179</v>
      </c>
      <c r="G31" s="154">
        <v>113160</v>
      </c>
      <c r="H31" s="170">
        <v>2.0035966772711205</v>
      </c>
      <c r="I31" s="154">
        <v>5735.5679230963824</v>
      </c>
      <c r="J31" s="181">
        <v>115.56299261259377</v>
      </c>
      <c r="K31" s="182">
        <v>2.4785950106041064</v>
      </c>
    </row>
    <row r="32" spans="1:11" ht="9.75" customHeight="1">
      <c r="A32" s="40"/>
      <c r="B32" s="70" t="s">
        <v>104</v>
      </c>
      <c r="C32" s="42"/>
      <c r="D32" s="154">
        <v>163567</v>
      </c>
      <c r="E32" s="154">
        <v>82544</v>
      </c>
      <c r="F32" s="154">
        <v>81023</v>
      </c>
      <c r="G32" s="154">
        <v>76906</v>
      </c>
      <c r="H32" s="170">
        <v>2.1268431591813384</v>
      </c>
      <c r="I32" s="154">
        <v>16340.35964035964</v>
      </c>
      <c r="J32" s="181">
        <v>101.87724473297706</v>
      </c>
      <c r="K32" s="182">
        <v>1.7881255875986619</v>
      </c>
    </row>
    <row r="33" spans="1:11" ht="9.75" customHeight="1">
      <c r="A33" s="40"/>
      <c r="B33" s="70" t="s">
        <v>105</v>
      </c>
      <c r="C33" s="42"/>
      <c r="D33" s="154">
        <v>251508</v>
      </c>
      <c r="E33" s="154">
        <v>128836</v>
      </c>
      <c r="F33" s="154">
        <v>122672</v>
      </c>
      <c r="G33" s="154">
        <v>125961</v>
      </c>
      <c r="H33" s="170">
        <v>1.9967132683925977</v>
      </c>
      <c r="I33" s="154">
        <v>17062.957937584804</v>
      </c>
      <c r="J33" s="181">
        <v>105.02478153123778</v>
      </c>
      <c r="K33" s="182">
        <v>2.7495025909001463</v>
      </c>
    </row>
    <row r="34" spans="1:11" ht="9.75" customHeight="1">
      <c r="A34" s="40"/>
      <c r="B34" s="70" t="s">
        <v>106</v>
      </c>
      <c r="C34" s="42"/>
      <c r="D34" s="154">
        <v>229547</v>
      </c>
      <c r="E34" s="154">
        <v>115613</v>
      </c>
      <c r="F34" s="154">
        <v>113934</v>
      </c>
      <c r="G34" s="154">
        <v>109063</v>
      </c>
      <c r="H34" s="170">
        <v>2.1047192906852001</v>
      </c>
      <c r="I34" s="154">
        <v>14030.9902200489</v>
      </c>
      <c r="J34" s="181">
        <v>101.47366018923236</v>
      </c>
      <c r="K34" s="182">
        <v>2.5094234427268951</v>
      </c>
    </row>
    <row r="35" spans="1:11" ht="9.75" customHeight="1">
      <c r="A35" s="40"/>
      <c r="B35" s="70" t="s">
        <v>107</v>
      </c>
      <c r="C35" s="42"/>
      <c r="D35" s="154">
        <v>228135</v>
      </c>
      <c r="E35" s="154">
        <v>111874</v>
      </c>
      <c r="F35" s="154">
        <v>116261</v>
      </c>
      <c r="G35" s="154">
        <v>96511</v>
      </c>
      <c r="H35" s="170">
        <v>2.3638238128296258</v>
      </c>
      <c r="I35" s="154">
        <v>12258.731864588932</v>
      </c>
      <c r="J35" s="181">
        <v>96.226593612647406</v>
      </c>
      <c r="K35" s="182">
        <v>2.4939873625292432</v>
      </c>
    </row>
    <row r="36" spans="1:11" ht="9.75" customHeight="1">
      <c r="A36" s="40"/>
      <c r="B36" s="70" t="s">
        <v>108</v>
      </c>
      <c r="C36" s="42"/>
      <c r="D36" s="154">
        <v>215610</v>
      </c>
      <c r="E36" s="154">
        <v>110524</v>
      </c>
      <c r="F36" s="154">
        <v>105086</v>
      </c>
      <c r="G36" s="154">
        <v>108094</v>
      </c>
      <c r="H36" s="170">
        <v>1.994652802190686</v>
      </c>
      <c r="I36" s="154">
        <v>10517.560975609756</v>
      </c>
      <c r="J36" s="181">
        <v>105.17480920389015</v>
      </c>
      <c r="K36" s="182">
        <v>2.35706320921792</v>
      </c>
    </row>
    <row r="37" spans="1:11" ht="9.75" customHeight="1">
      <c r="A37" s="40"/>
      <c r="B37" s="70" t="s">
        <v>109</v>
      </c>
      <c r="C37" s="42"/>
      <c r="D37" s="154">
        <v>176483</v>
      </c>
      <c r="E37" s="154">
        <v>85816</v>
      </c>
      <c r="F37" s="154">
        <v>90667</v>
      </c>
      <c r="G37" s="154">
        <v>75081</v>
      </c>
      <c r="H37" s="170">
        <v>2.3505680531692437</v>
      </c>
      <c r="I37" s="154">
        <v>7590.666666666667</v>
      </c>
      <c r="J37" s="181">
        <v>94.649652023338149</v>
      </c>
      <c r="K37" s="182">
        <v>1.9293241795482869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70"/>
      <c r="I38" s="154"/>
      <c r="J38" s="181"/>
      <c r="K38" s="182"/>
    </row>
    <row r="39" spans="1:11" ht="9.75" customHeight="1">
      <c r="A39" s="247" t="s">
        <v>110</v>
      </c>
      <c r="B39" s="248"/>
      <c r="C39" s="49"/>
      <c r="D39" s="157">
        <v>721477</v>
      </c>
      <c r="E39" s="157">
        <v>361233</v>
      </c>
      <c r="F39" s="157">
        <v>360244</v>
      </c>
      <c r="G39" s="157">
        <v>315502</v>
      </c>
      <c r="H39" s="183">
        <v>2.2867588794999714</v>
      </c>
      <c r="I39" s="157">
        <v>2195.2078135459137</v>
      </c>
      <c r="J39" s="184">
        <v>100.2745361477221</v>
      </c>
      <c r="K39" s="185">
        <v>7.8872357172529899</v>
      </c>
    </row>
    <row r="40" spans="1:11" ht="9.75" customHeight="1">
      <c r="A40" s="40"/>
      <c r="B40" s="70" t="s">
        <v>95</v>
      </c>
      <c r="C40" s="42"/>
      <c r="D40" s="154">
        <v>173073</v>
      </c>
      <c r="E40" s="154">
        <v>87177</v>
      </c>
      <c r="F40" s="154">
        <v>85896</v>
      </c>
      <c r="G40" s="154">
        <v>72070</v>
      </c>
      <c r="H40" s="170">
        <v>2.4014569168863606</v>
      </c>
      <c r="I40" s="154">
        <v>682.24929044465466</v>
      </c>
      <c r="J40" s="181">
        <v>101.49133836267114</v>
      </c>
      <c r="K40" s="182">
        <v>1.8920458272295955</v>
      </c>
    </row>
    <row r="41" spans="1:11" ht="9.75" customHeight="1">
      <c r="A41" s="40"/>
      <c r="B41" s="70" t="s">
        <v>111</v>
      </c>
      <c r="C41" s="42"/>
      <c r="D41" s="154">
        <v>270812</v>
      </c>
      <c r="E41" s="154">
        <v>136191</v>
      </c>
      <c r="F41" s="154">
        <v>134621</v>
      </c>
      <c r="G41" s="154">
        <v>118196</v>
      </c>
      <c r="H41" s="170">
        <v>2.2912112085011338</v>
      </c>
      <c r="I41" s="154">
        <v>7345.0501762950917</v>
      </c>
      <c r="J41" s="181">
        <v>101.16623706553955</v>
      </c>
      <c r="K41" s="182">
        <v>2.9605352340555786</v>
      </c>
    </row>
    <row r="42" spans="1:11" ht="9.75" customHeight="1">
      <c r="A42" s="40"/>
      <c r="B42" s="70" t="s">
        <v>88</v>
      </c>
      <c r="C42" s="42"/>
      <c r="D42" s="154">
        <v>277592</v>
      </c>
      <c r="E42" s="154">
        <v>137865</v>
      </c>
      <c r="F42" s="154">
        <v>139727</v>
      </c>
      <c r="G42" s="154">
        <v>125236</v>
      </c>
      <c r="H42" s="170">
        <v>2.2165511514261076</v>
      </c>
      <c r="I42" s="154">
        <v>7283.9674626082397</v>
      </c>
      <c r="J42" s="181">
        <v>98.667401432793937</v>
      </c>
      <c r="K42" s="182">
        <v>3.0346546559678158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70"/>
      <c r="I43" s="154"/>
      <c r="J43" s="181"/>
      <c r="K43" s="182"/>
    </row>
    <row r="44" spans="1:11" ht="9.75" customHeight="1">
      <c r="A44" s="249" t="s">
        <v>112</v>
      </c>
      <c r="B44" s="250"/>
      <c r="C44" s="42"/>
      <c r="D44" s="154">
        <v>403383</v>
      </c>
      <c r="E44" s="154">
        <v>201325</v>
      </c>
      <c r="F44" s="154">
        <v>202058</v>
      </c>
      <c r="G44" s="154">
        <v>166253</v>
      </c>
      <c r="H44" s="170">
        <v>2.4263201265541072</v>
      </c>
      <c r="I44" s="154">
        <v>4000.6248140434395</v>
      </c>
      <c r="J44" s="181">
        <v>99.637232873729317</v>
      </c>
      <c r="K44" s="182">
        <v>4.4098104379386491</v>
      </c>
    </row>
    <row r="45" spans="1:11" ht="9.75" customHeight="1">
      <c r="A45" s="249" t="s">
        <v>113</v>
      </c>
      <c r="B45" s="250"/>
      <c r="C45" s="42"/>
      <c r="D45" s="154">
        <v>258141</v>
      </c>
      <c r="E45" s="154">
        <v>129467</v>
      </c>
      <c r="F45" s="154">
        <v>128674</v>
      </c>
      <c r="G45" s="154">
        <v>108679</v>
      </c>
      <c r="H45" s="170">
        <v>2.3752610899989879</v>
      </c>
      <c r="I45" s="154">
        <v>3806.2665880271311</v>
      </c>
      <c r="J45" s="181">
        <v>100.61628611840776</v>
      </c>
      <c r="K45" s="182">
        <v>2.8220149987974725</v>
      </c>
    </row>
    <row r="46" spans="1:11" ht="9.75" customHeight="1">
      <c r="A46" s="249" t="s">
        <v>114</v>
      </c>
      <c r="B46" s="250"/>
      <c r="C46" s="42"/>
      <c r="D46" s="154">
        <v>172279</v>
      </c>
      <c r="E46" s="154">
        <v>81163</v>
      </c>
      <c r="F46" s="154">
        <v>91116</v>
      </c>
      <c r="G46" s="154">
        <v>73172</v>
      </c>
      <c r="H46" s="170">
        <v>2.354438856393156</v>
      </c>
      <c r="I46" s="154">
        <v>4342.8031257877492</v>
      </c>
      <c r="J46" s="181">
        <v>89.076561745467316</v>
      </c>
      <c r="K46" s="182">
        <v>1.8833657651354485</v>
      </c>
    </row>
    <row r="47" spans="1:11" ht="9.75" customHeight="1">
      <c r="A47" s="249" t="s">
        <v>115</v>
      </c>
      <c r="B47" s="250"/>
      <c r="C47" s="42"/>
      <c r="D47" s="154">
        <v>427199</v>
      </c>
      <c r="E47" s="154">
        <v>211512</v>
      </c>
      <c r="F47" s="154">
        <v>215687</v>
      </c>
      <c r="G47" s="154">
        <v>183202</v>
      </c>
      <c r="H47" s="170">
        <v>2.3318468138994115</v>
      </c>
      <c r="I47" s="154">
        <v>6140.5634612620388</v>
      </c>
      <c r="J47" s="181">
        <v>98.064324692726032</v>
      </c>
      <c r="K47" s="182">
        <v>4.6701685724905442</v>
      </c>
    </row>
    <row r="48" spans="1:11" ht="9.75" customHeight="1">
      <c r="A48" s="249" t="s">
        <v>116</v>
      </c>
      <c r="B48" s="250"/>
      <c r="C48" s="42"/>
      <c r="D48" s="154">
        <v>193245</v>
      </c>
      <c r="E48" s="154">
        <v>94159</v>
      </c>
      <c r="F48" s="154">
        <v>99086</v>
      </c>
      <c r="G48" s="154">
        <v>80100</v>
      </c>
      <c r="H48" s="170">
        <v>2.4125468164794008</v>
      </c>
      <c r="I48" s="154">
        <v>1697.9615148053774</v>
      </c>
      <c r="J48" s="181">
        <v>95.027551823668333</v>
      </c>
      <c r="K48" s="182">
        <v>2.1125675055206945</v>
      </c>
    </row>
    <row r="49" spans="1:11" ht="9.75" customHeight="1">
      <c r="A49" s="249" t="s">
        <v>117</v>
      </c>
      <c r="B49" s="250"/>
      <c r="C49" s="42"/>
      <c r="D49" s="154">
        <v>240155</v>
      </c>
      <c r="E49" s="154">
        <v>117073</v>
      </c>
      <c r="F49" s="154">
        <v>123082</v>
      </c>
      <c r="G49" s="154">
        <v>99269</v>
      </c>
      <c r="H49" s="170">
        <v>2.4192346049622744</v>
      </c>
      <c r="I49" s="154">
        <v>6727.0308123249297</v>
      </c>
      <c r="J49" s="181">
        <v>95.11788888708341</v>
      </c>
      <c r="K49" s="182">
        <v>2.625390821435599</v>
      </c>
    </row>
    <row r="50" spans="1:11" ht="9.75" customHeight="1">
      <c r="A50" s="249" t="s">
        <v>118</v>
      </c>
      <c r="B50" s="250"/>
      <c r="C50" s="42"/>
      <c r="D50" s="154">
        <v>57598</v>
      </c>
      <c r="E50" s="154">
        <v>26906</v>
      </c>
      <c r="F50" s="154">
        <v>30692</v>
      </c>
      <c r="G50" s="154">
        <v>24473</v>
      </c>
      <c r="H50" s="170">
        <v>2.3535324643484659</v>
      </c>
      <c r="I50" s="154">
        <v>3333.2175925925922</v>
      </c>
      <c r="J50" s="181">
        <v>87.664537990355797</v>
      </c>
      <c r="K50" s="182">
        <v>0.62966526007390078</v>
      </c>
    </row>
    <row r="51" spans="1:11" ht="9.75" customHeight="1">
      <c r="A51" s="249" t="s">
        <v>119</v>
      </c>
      <c r="B51" s="250"/>
      <c r="C51" s="42"/>
      <c r="D51" s="154">
        <v>44446</v>
      </c>
      <c r="E51" s="154">
        <v>21375</v>
      </c>
      <c r="F51" s="154">
        <v>23071</v>
      </c>
      <c r="G51" s="154">
        <v>17511</v>
      </c>
      <c r="H51" s="170">
        <v>2.5381760036548457</v>
      </c>
      <c r="I51" s="154">
        <v>1386.7706708268331</v>
      </c>
      <c r="J51" s="181">
        <v>92.648779853495739</v>
      </c>
      <c r="K51" s="182">
        <v>0.48588670004591467</v>
      </c>
    </row>
    <row r="52" spans="1:11" ht="9.75" customHeight="1">
      <c r="A52" s="249" t="s">
        <v>120</v>
      </c>
      <c r="B52" s="250"/>
      <c r="C52" s="42"/>
      <c r="D52" s="154">
        <v>166577</v>
      </c>
      <c r="E52" s="154">
        <v>85175</v>
      </c>
      <c r="F52" s="154">
        <v>81402</v>
      </c>
      <c r="G52" s="154">
        <v>70388</v>
      </c>
      <c r="H52" s="170">
        <v>2.3665539580610333</v>
      </c>
      <c r="I52" s="154">
        <v>1605.4067077872012</v>
      </c>
      <c r="J52" s="181">
        <v>104.63502125254908</v>
      </c>
      <c r="K52" s="182">
        <v>1.821031112665894</v>
      </c>
    </row>
    <row r="53" spans="1:11" ht="9.75" customHeight="1">
      <c r="A53" s="249" t="s">
        <v>121</v>
      </c>
      <c r="B53" s="250"/>
      <c r="C53" s="42"/>
      <c r="D53" s="154">
        <v>225524</v>
      </c>
      <c r="E53" s="154">
        <v>116463</v>
      </c>
      <c r="F53" s="154">
        <v>109061</v>
      </c>
      <c r="G53" s="154">
        <v>96890</v>
      </c>
      <c r="H53" s="170">
        <v>2.3276292703065331</v>
      </c>
      <c r="I53" s="154">
        <v>2403.2821824381926</v>
      </c>
      <c r="J53" s="181">
        <v>106.7870274433574</v>
      </c>
      <c r="K53" s="182">
        <v>2.4654437326453418</v>
      </c>
    </row>
    <row r="54" spans="1:11" ht="9.75" customHeight="1">
      <c r="A54" s="249" t="s">
        <v>122</v>
      </c>
      <c r="B54" s="250"/>
      <c r="C54" s="42"/>
      <c r="D54" s="154">
        <v>234138</v>
      </c>
      <c r="E54" s="154">
        <v>117175</v>
      </c>
      <c r="F54" s="154">
        <v>116963</v>
      </c>
      <c r="G54" s="154">
        <v>103487</v>
      </c>
      <c r="H54" s="170">
        <v>2.2624870756713404</v>
      </c>
      <c r="I54" s="154">
        <v>8642.9678848283493</v>
      </c>
      <c r="J54" s="181">
        <v>100.18125390080624</v>
      </c>
      <c r="K54" s="182">
        <v>2.5596125675055208</v>
      </c>
    </row>
    <row r="55" spans="1:11" ht="9.75" customHeight="1">
      <c r="A55" s="249" t="s">
        <v>123</v>
      </c>
      <c r="B55" s="250"/>
      <c r="C55" s="42"/>
      <c r="D55" s="154">
        <v>101812</v>
      </c>
      <c r="E55" s="154">
        <v>51554</v>
      </c>
      <c r="F55" s="154">
        <v>50258</v>
      </c>
      <c r="G55" s="154">
        <v>43643</v>
      </c>
      <c r="H55" s="170">
        <v>2.3328368810576725</v>
      </c>
      <c r="I55" s="154">
        <v>1832.4694024478042</v>
      </c>
      <c r="J55" s="181">
        <v>102.57869393927335</v>
      </c>
      <c r="K55" s="182">
        <v>1.113015720313969</v>
      </c>
    </row>
    <row r="56" spans="1:11" ht="9.75" customHeight="1">
      <c r="A56" s="249" t="s">
        <v>124</v>
      </c>
      <c r="B56" s="250"/>
      <c r="C56" s="42"/>
      <c r="D56" s="154">
        <v>130688</v>
      </c>
      <c r="E56" s="154">
        <v>65711</v>
      </c>
      <c r="F56" s="154">
        <v>64977</v>
      </c>
      <c r="G56" s="154">
        <v>54210</v>
      </c>
      <c r="H56" s="170">
        <v>2.4107729201254382</v>
      </c>
      <c r="I56" s="154">
        <v>4914.9304249717943</v>
      </c>
      <c r="J56" s="181">
        <v>101.12963048463301</v>
      </c>
      <c r="K56" s="182">
        <v>1.4286901195968253</v>
      </c>
    </row>
    <row r="57" spans="1:11" ht="9.75" customHeight="1">
      <c r="A57" s="249" t="s">
        <v>125</v>
      </c>
      <c r="B57" s="250"/>
      <c r="C57" s="42"/>
      <c r="D57" s="154">
        <v>129033</v>
      </c>
      <c r="E57" s="154">
        <v>64569</v>
      </c>
      <c r="F57" s="154">
        <v>64464</v>
      </c>
      <c r="G57" s="154">
        <v>56668</v>
      </c>
      <c r="H57" s="170">
        <v>2.27699936472083</v>
      </c>
      <c r="I57" s="154">
        <v>7343.9385315879335</v>
      </c>
      <c r="J57" s="181">
        <v>100.16288160833955</v>
      </c>
      <c r="K57" s="182">
        <v>1.4105975468439118</v>
      </c>
    </row>
    <row r="58" spans="1:11" ht="9.75" customHeight="1">
      <c r="A58" s="249" t="s">
        <v>126</v>
      </c>
      <c r="B58" s="250"/>
      <c r="C58" s="42"/>
      <c r="D58" s="154">
        <v>42839</v>
      </c>
      <c r="E58" s="154">
        <v>21087</v>
      </c>
      <c r="F58" s="154">
        <v>21752</v>
      </c>
      <c r="G58" s="154">
        <v>16286</v>
      </c>
      <c r="H58" s="170">
        <v>2.6304187645830774</v>
      </c>
      <c r="I58" s="154">
        <v>555.48495850622407</v>
      </c>
      <c r="J58" s="181">
        <v>96.942809856564921</v>
      </c>
      <c r="K58" s="182">
        <v>0.46831886656317645</v>
      </c>
    </row>
    <row r="59" spans="1:11" ht="9.75" customHeight="1">
      <c r="A59" s="249" t="s">
        <v>127</v>
      </c>
      <c r="B59" s="250"/>
      <c r="C59" s="42"/>
      <c r="D59" s="154">
        <v>84367</v>
      </c>
      <c r="E59" s="154">
        <v>42838</v>
      </c>
      <c r="F59" s="154">
        <v>41529</v>
      </c>
      <c r="G59" s="154">
        <v>33726</v>
      </c>
      <c r="H59" s="170">
        <v>2.5015418371582756</v>
      </c>
      <c r="I59" s="154">
        <v>3810.6142728093946</v>
      </c>
      <c r="J59" s="181">
        <v>103.15201425509886</v>
      </c>
      <c r="K59" s="182">
        <v>0.92230579180969452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70"/>
      <c r="I60" s="154"/>
      <c r="J60" s="181"/>
      <c r="K60" s="182"/>
    </row>
    <row r="61" spans="1:11" ht="9.75" customHeight="1">
      <c r="A61" s="249" t="s">
        <v>128</v>
      </c>
      <c r="B61" s="250"/>
      <c r="C61" s="42"/>
      <c r="D61" s="154">
        <v>32053</v>
      </c>
      <c r="E61" s="154">
        <v>15128</v>
      </c>
      <c r="F61" s="154">
        <v>16925</v>
      </c>
      <c r="G61" s="154">
        <v>12612</v>
      </c>
      <c r="H61" s="170">
        <v>2.5414684427529339</v>
      </c>
      <c r="I61" s="154">
        <v>1881.0446009389673</v>
      </c>
      <c r="J61" s="181">
        <v>89.382570162481528</v>
      </c>
      <c r="K61" s="182">
        <v>0.35040557972757286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70"/>
      <c r="I62" s="154"/>
      <c r="J62" s="181"/>
      <c r="K62" s="182"/>
    </row>
    <row r="63" spans="1:11" ht="9.75" customHeight="1">
      <c r="A63" s="249" t="s">
        <v>129</v>
      </c>
      <c r="B63" s="250"/>
      <c r="C63" s="42"/>
      <c r="D63" s="154">
        <v>48075</v>
      </c>
      <c r="E63" s="154">
        <v>24393</v>
      </c>
      <c r="F63" s="154">
        <v>23682</v>
      </c>
      <c r="G63" s="154">
        <v>19038</v>
      </c>
      <c r="H63" s="170">
        <v>2.525212732429877</v>
      </c>
      <c r="I63" s="154">
        <v>3603.823088455772</v>
      </c>
      <c r="J63" s="181">
        <v>103.00228021281985</v>
      </c>
      <c r="K63" s="182">
        <v>0.52555917528478036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70"/>
      <c r="I64" s="154"/>
      <c r="J64" s="181"/>
      <c r="K64" s="182"/>
    </row>
    <row r="65" spans="1:11" ht="9.75" customHeight="1">
      <c r="A65" s="247" t="s">
        <v>130</v>
      </c>
      <c r="B65" s="248"/>
      <c r="C65" s="49"/>
      <c r="D65" s="157">
        <v>59708</v>
      </c>
      <c r="E65" s="157">
        <v>28939</v>
      </c>
      <c r="F65" s="157">
        <v>30769</v>
      </c>
      <c r="G65" s="157">
        <v>23684</v>
      </c>
      <c r="H65" s="183">
        <v>2.5210268535720317</v>
      </c>
      <c r="I65" s="157">
        <v>2274.5904761904762</v>
      </c>
      <c r="J65" s="184">
        <v>94.052455393415443</v>
      </c>
      <c r="K65" s="185">
        <v>0.65273192382534928</v>
      </c>
    </row>
    <row r="66" spans="1:11" ht="9.75" customHeight="1">
      <c r="A66" s="40"/>
      <c r="B66" s="70" t="s">
        <v>131</v>
      </c>
      <c r="C66" s="42"/>
      <c r="D66" s="154">
        <v>31522</v>
      </c>
      <c r="E66" s="154">
        <v>15392</v>
      </c>
      <c r="F66" s="154">
        <v>16130</v>
      </c>
      <c r="G66" s="154">
        <v>12412</v>
      </c>
      <c r="H66" s="170">
        <v>2.5396390589751854</v>
      </c>
      <c r="I66" s="154">
        <v>1834.8079161816065</v>
      </c>
      <c r="J66" s="181">
        <v>95.424674519528836</v>
      </c>
      <c r="K66" s="182">
        <v>0.34460065155126046</v>
      </c>
    </row>
    <row r="67" spans="1:11" ht="9.75" customHeight="1">
      <c r="A67" s="40"/>
      <c r="B67" s="70" t="s">
        <v>132</v>
      </c>
      <c r="C67" s="42"/>
      <c r="D67" s="154">
        <v>28186</v>
      </c>
      <c r="E67" s="154">
        <v>13547</v>
      </c>
      <c r="F67" s="154">
        <v>14639</v>
      </c>
      <c r="G67" s="154">
        <v>11272</v>
      </c>
      <c r="H67" s="170">
        <v>2.5005322924059619</v>
      </c>
      <c r="I67" s="154">
        <v>3104.1850220264319</v>
      </c>
      <c r="J67" s="181">
        <v>92.540474076098093</v>
      </c>
      <c r="K67" s="182">
        <v>0.30813127227408882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70"/>
      <c r="I68" s="154"/>
      <c r="J68" s="181"/>
      <c r="K68" s="182"/>
    </row>
    <row r="69" spans="1:11" ht="9.75" customHeight="1">
      <c r="A69" s="247" t="s">
        <v>133</v>
      </c>
      <c r="B69" s="248"/>
      <c r="C69" s="49"/>
      <c r="D69" s="157">
        <v>65265</v>
      </c>
      <c r="E69" s="157">
        <v>32214</v>
      </c>
      <c r="F69" s="157">
        <v>33051</v>
      </c>
      <c r="G69" s="157">
        <v>24282</v>
      </c>
      <c r="H69" s="183">
        <v>2.687793427230047</v>
      </c>
      <c r="I69" s="157">
        <v>215.19717752571879</v>
      </c>
      <c r="J69" s="184">
        <v>97.467550149768542</v>
      </c>
      <c r="K69" s="185">
        <v>0.71348142641624945</v>
      </c>
    </row>
    <row r="70" spans="1:11" ht="9.75" customHeight="1">
      <c r="A70" s="40"/>
      <c r="B70" s="70" t="s">
        <v>134</v>
      </c>
      <c r="C70" s="42"/>
      <c r="D70" s="154">
        <v>9596</v>
      </c>
      <c r="E70" s="154">
        <v>4804</v>
      </c>
      <c r="F70" s="154">
        <v>4792</v>
      </c>
      <c r="G70" s="154">
        <v>3388</v>
      </c>
      <c r="H70" s="170">
        <v>2.832349468713105</v>
      </c>
      <c r="I70" s="154">
        <v>480.04002001000504</v>
      </c>
      <c r="J70" s="181">
        <v>100.25041736227045</v>
      </c>
      <c r="K70" s="182">
        <v>0.10490412576251175</v>
      </c>
    </row>
    <row r="71" spans="1:11" ht="9.75" customHeight="1">
      <c r="A71" s="40"/>
      <c r="B71" s="70" t="s">
        <v>135</v>
      </c>
      <c r="C71" s="42"/>
      <c r="D71" s="154">
        <v>16927</v>
      </c>
      <c r="E71" s="154">
        <v>8428</v>
      </c>
      <c r="F71" s="154">
        <v>8499</v>
      </c>
      <c r="G71" s="154">
        <v>6240</v>
      </c>
      <c r="H71" s="170">
        <v>2.7126602564102562</v>
      </c>
      <c r="I71" s="154">
        <v>1177.1210013908205</v>
      </c>
      <c r="J71" s="181">
        <v>99.164607600894229</v>
      </c>
      <c r="K71" s="182">
        <v>0.18504711721363448</v>
      </c>
    </row>
    <row r="72" spans="1:11" ht="9.75" customHeight="1">
      <c r="A72" s="40"/>
      <c r="B72" s="70" t="s">
        <v>136</v>
      </c>
      <c r="C72" s="42"/>
      <c r="D72" s="154">
        <v>11018</v>
      </c>
      <c r="E72" s="154">
        <v>5435</v>
      </c>
      <c r="F72" s="154">
        <v>5583</v>
      </c>
      <c r="G72" s="154">
        <v>4424</v>
      </c>
      <c r="H72" s="170">
        <v>2.490506329113924</v>
      </c>
      <c r="I72" s="154">
        <v>291.86754966887418</v>
      </c>
      <c r="J72" s="181">
        <v>97.349095468386167</v>
      </c>
      <c r="K72" s="182">
        <v>0.12044952664145003</v>
      </c>
    </row>
    <row r="73" spans="1:11" ht="9.75" customHeight="1">
      <c r="A73" s="40"/>
      <c r="B73" s="70" t="s">
        <v>137</v>
      </c>
      <c r="C73" s="42"/>
      <c r="D73" s="154">
        <v>10375</v>
      </c>
      <c r="E73" s="154">
        <v>5073</v>
      </c>
      <c r="F73" s="154">
        <v>5302</v>
      </c>
      <c r="G73" s="154">
        <v>3858</v>
      </c>
      <c r="H73" s="170">
        <v>2.6892172109901504</v>
      </c>
      <c r="I73" s="154">
        <v>46.1911758158586</v>
      </c>
      <c r="J73" s="181">
        <v>95.680875141456056</v>
      </c>
      <c r="K73" s="182">
        <v>0.113420206834729</v>
      </c>
    </row>
    <row r="74" spans="1:11" ht="9.75" customHeight="1">
      <c r="A74" s="40"/>
      <c r="B74" s="70" t="s">
        <v>138</v>
      </c>
      <c r="C74" s="42"/>
      <c r="D74" s="154">
        <v>17349</v>
      </c>
      <c r="E74" s="154">
        <v>8474</v>
      </c>
      <c r="F74" s="154">
        <v>8875</v>
      </c>
      <c r="G74" s="154">
        <v>6372</v>
      </c>
      <c r="H74" s="170">
        <v>2.7226930320150657</v>
      </c>
      <c r="I74" s="154">
        <v>2648.7022900763359</v>
      </c>
      <c r="J74" s="181">
        <v>95.48169014084506</v>
      </c>
      <c r="K74" s="182">
        <v>0.18966044996392417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70"/>
      <c r="I75" s="154"/>
      <c r="J75" s="181"/>
      <c r="K75" s="182"/>
    </row>
    <row r="76" spans="1:11" ht="9.75" customHeight="1">
      <c r="A76" s="247" t="s">
        <v>139</v>
      </c>
      <c r="B76" s="248"/>
      <c r="C76" s="49"/>
      <c r="D76" s="157">
        <v>43413</v>
      </c>
      <c r="E76" s="157">
        <v>20353</v>
      </c>
      <c r="F76" s="157">
        <v>23060</v>
      </c>
      <c r="G76" s="157">
        <v>19993</v>
      </c>
      <c r="H76" s="183">
        <v>2.1714099934977242</v>
      </c>
      <c r="I76" s="157">
        <v>308.17775253780081</v>
      </c>
      <c r="J76" s="184">
        <v>88.261058109280143</v>
      </c>
      <c r="K76" s="185">
        <v>0.47459387366902073</v>
      </c>
    </row>
    <row r="77" spans="1:11" ht="9.75" customHeight="1">
      <c r="A77" s="40"/>
      <c r="B77" s="70" t="s">
        <v>140</v>
      </c>
      <c r="C77" s="42"/>
      <c r="D77" s="154">
        <v>11648</v>
      </c>
      <c r="E77" s="154">
        <v>5552</v>
      </c>
      <c r="F77" s="154">
        <v>6096</v>
      </c>
      <c r="G77" s="154">
        <v>6166</v>
      </c>
      <c r="H77" s="170">
        <v>1.8890690885501136</v>
      </c>
      <c r="I77" s="154">
        <v>125.43614042644842</v>
      </c>
      <c r="J77" s="181">
        <v>91.076115485564301</v>
      </c>
      <c r="K77" s="182">
        <v>0.12733672956249864</v>
      </c>
    </row>
    <row r="78" spans="1:11" ht="9.75" customHeight="1">
      <c r="A78" s="40"/>
      <c r="B78" s="70" t="s">
        <v>141</v>
      </c>
      <c r="C78" s="42"/>
      <c r="D78" s="154">
        <v>7144</v>
      </c>
      <c r="E78" s="154">
        <v>3354</v>
      </c>
      <c r="F78" s="154">
        <v>3790</v>
      </c>
      <c r="G78" s="154">
        <v>3054</v>
      </c>
      <c r="H78" s="170">
        <v>2.3392272429600522</v>
      </c>
      <c r="I78" s="154">
        <v>1014.7727272727273</v>
      </c>
      <c r="J78" s="181">
        <v>88.496042216358845</v>
      </c>
      <c r="K78" s="182">
        <v>7.8098694711065439E-2</v>
      </c>
    </row>
    <row r="79" spans="1:11" ht="9.75" customHeight="1">
      <c r="A79" s="40"/>
      <c r="B79" s="70" t="s">
        <v>142</v>
      </c>
      <c r="C79" s="42"/>
      <c r="D79" s="154">
        <v>24621</v>
      </c>
      <c r="E79" s="154">
        <v>11447</v>
      </c>
      <c r="F79" s="154">
        <v>13174</v>
      </c>
      <c r="G79" s="154">
        <v>10773</v>
      </c>
      <c r="H79" s="170">
        <v>2.2854358117516012</v>
      </c>
      <c r="I79" s="154">
        <v>600.95191603612398</v>
      </c>
      <c r="J79" s="181">
        <v>86.890845604979503</v>
      </c>
      <c r="K79" s="182">
        <v>0.26915844939545663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70"/>
      <c r="I80" s="154"/>
      <c r="J80" s="181"/>
      <c r="K80" s="182"/>
    </row>
    <row r="81" spans="1:11" ht="9.75" customHeight="1">
      <c r="A81" s="247" t="s">
        <v>143</v>
      </c>
      <c r="B81" s="248"/>
      <c r="C81" s="49"/>
      <c r="D81" s="157">
        <v>43312</v>
      </c>
      <c r="E81" s="157">
        <v>22531</v>
      </c>
      <c r="F81" s="157">
        <v>20781</v>
      </c>
      <c r="G81" s="157">
        <v>17349</v>
      </c>
      <c r="H81" s="183">
        <v>2.4965127673064731</v>
      </c>
      <c r="I81" s="157">
        <v>410.46247156937073</v>
      </c>
      <c r="J81" s="184">
        <v>108.421153938694</v>
      </c>
      <c r="K81" s="185">
        <v>0.47348973478802725</v>
      </c>
    </row>
    <row r="82" spans="1:11" ht="9.75" customHeight="1">
      <c r="A82" s="40"/>
      <c r="B82" s="70" t="s">
        <v>144</v>
      </c>
      <c r="C82" s="42"/>
      <c r="D82" s="154">
        <v>40120</v>
      </c>
      <c r="E82" s="154">
        <v>20894</v>
      </c>
      <c r="F82" s="154">
        <v>19226</v>
      </c>
      <c r="G82" s="154">
        <v>16209</v>
      </c>
      <c r="H82" s="170">
        <v>2.4751681164784998</v>
      </c>
      <c r="I82" s="154">
        <v>1170.3617269544923</v>
      </c>
      <c r="J82" s="181">
        <v>108.67575158639342</v>
      </c>
      <c r="K82" s="182">
        <v>0.43859457332138096</v>
      </c>
    </row>
    <row r="83" spans="1:11" ht="9.75" customHeight="1">
      <c r="A83" s="40"/>
      <c r="B83" s="70" t="s">
        <v>145</v>
      </c>
      <c r="C83" s="42"/>
      <c r="D83" s="154">
        <v>3192</v>
      </c>
      <c r="E83" s="154">
        <v>1637</v>
      </c>
      <c r="F83" s="154">
        <v>1555</v>
      </c>
      <c r="G83" s="154">
        <v>1140</v>
      </c>
      <c r="H83" s="170">
        <v>2.8</v>
      </c>
      <c r="I83" s="154">
        <v>44.806288601909046</v>
      </c>
      <c r="J83" s="181">
        <v>105.27331189710611</v>
      </c>
      <c r="K83" s="182">
        <v>3.4895161466646257E-2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186"/>
      <c r="I84" s="78"/>
      <c r="J84" s="78"/>
      <c r="K84" s="187"/>
    </row>
    <row r="85" spans="1:11">
      <c r="A85" s="188" t="s">
        <v>207</v>
      </c>
    </row>
    <row r="86" spans="1:11">
      <c r="A86" s="188"/>
    </row>
  </sheetData>
  <mergeCells count="38">
    <mergeCell ref="A39:B39"/>
    <mergeCell ref="A1:K1"/>
    <mergeCell ref="A2:C2"/>
    <mergeCell ref="I2:K2"/>
    <mergeCell ref="A3:C4"/>
    <mergeCell ref="D3:F3"/>
    <mergeCell ref="G3:G4"/>
    <mergeCell ref="H3:H4"/>
    <mergeCell ref="I3:I4"/>
    <mergeCell ref="J3:J4"/>
    <mergeCell ref="K3:K4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6"/>
  <sheetViews>
    <sheetView view="pageBreakPreview" zoomScaleNormal="100" zoomScaleSheetLayoutView="100" workbookViewId="0">
      <selection activeCell="M1" sqref="M1"/>
    </sheetView>
  </sheetViews>
  <sheetFormatPr defaultRowHeight="14.25"/>
  <cols>
    <col min="1" max="1" width="0.625" style="3" customWidth="1"/>
    <col min="2" max="2" width="12.5" style="3" customWidth="1"/>
    <col min="3" max="3" width="0.625" style="3" customWidth="1"/>
    <col min="4" max="4" width="7.875" style="3" customWidth="1"/>
    <col min="5" max="7" width="7.625" style="3" customWidth="1"/>
    <col min="8" max="10" width="7.25" style="3" customWidth="1"/>
    <col min="11" max="11" width="7.5" style="3" customWidth="1"/>
    <col min="12" max="18" width="6.875" style="3" customWidth="1"/>
  </cols>
  <sheetData>
    <row r="1" spans="1:12" ht="18.75" customHeight="1">
      <c r="A1" s="195" t="s">
        <v>208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  <c r="L1" s="195"/>
    </row>
    <row r="2" spans="1:12" ht="15" customHeight="1" thickBot="1">
      <c r="A2" s="196" t="s">
        <v>209</v>
      </c>
      <c r="B2" s="196"/>
      <c r="C2" s="196"/>
      <c r="L2" s="189"/>
    </row>
    <row r="3" spans="1:12" ht="15" customHeight="1">
      <c r="A3" s="197" t="s">
        <v>2</v>
      </c>
      <c r="B3" s="198"/>
      <c r="C3" s="198"/>
      <c r="D3" s="203" t="s">
        <v>5</v>
      </c>
      <c r="E3" s="219" t="s">
        <v>3</v>
      </c>
      <c r="F3" s="219"/>
      <c r="G3" s="219"/>
      <c r="H3" s="219" t="s">
        <v>210</v>
      </c>
      <c r="I3" s="219"/>
      <c r="J3" s="219"/>
      <c r="K3" s="264" t="s">
        <v>211</v>
      </c>
      <c r="L3" s="212" t="s">
        <v>203</v>
      </c>
    </row>
    <row r="4" spans="1:12" ht="15" customHeight="1">
      <c r="A4" s="201"/>
      <c r="B4" s="202"/>
      <c r="C4" s="202"/>
      <c r="D4" s="205"/>
      <c r="E4" s="10" t="s">
        <v>46</v>
      </c>
      <c r="F4" s="10" t="s">
        <v>157</v>
      </c>
      <c r="G4" s="10" t="s">
        <v>158</v>
      </c>
      <c r="H4" s="10" t="s">
        <v>212</v>
      </c>
      <c r="I4" s="10" t="s">
        <v>77</v>
      </c>
      <c r="J4" s="10" t="s">
        <v>9</v>
      </c>
      <c r="K4" s="265"/>
      <c r="L4" s="214"/>
    </row>
    <row r="5" spans="1:12" ht="10.5" customHeight="1">
      <c r="A5" s="11"/>
      <c r="B5" s="42"/>
      <c r="C5" s="42"/>
      <c r="D5" s="14" t="s">
        <v>12</v>
      </c>
      <c r="E5" s="14" t="s">
        <v>10</v>
      </c>
      <c r="F5" s="14" t="s">
        <v>10</v>
      </c>
      <c r="G5" s="14" t="s">
        <v>10</v>
      </c>
      <c r="H5" s="14" t="s">
        <v>12</v>
      </c>
      <c r="I5" s="14" t="s">
        <v>206</v>
      </c>
      <c r="J5" s="14" t="s">
        <v>213</v>
      </c>
      <c r="K5" s="14" t="s">
        <v>10</v>
      </c>
      <c r="L5" s="16" t="s">
        <v>10</v>
      </c>
    </row>
    <row r="6" spans="1:12" ht="37.5" customHeight="1">
      <c r="A6" s="11"/>
      <c r="B6" s="190">
        <v>42278</v>
      </c>
      <c r="C6" s="42"/>
      <c r="D6" s="43">
        <v>3979278</v>
      </c>
      <c r="E6" s="43">
        <v>9126214</v>
      </c>
      <c r="F6" s="43">
        <v>4558978</v>
      </c>
      <c r="G6" s="43">
        <v>4567236</v>
      </c>
      <c r="H6" s="43">
        <v>134753</v>
      </c>
      <c r="I6" s="43">
        <v>77883</v>
      </c>
      <c r="J6" s="191">
        <v>0.86074437374141155</v>
      </c>
      <c r="K6" s="191">
        <v>2.2934346381428994</v>
      </c>
      <c r="L6" s="89">
        <v>3778</v>
      </c>
    </row>
    <row r="7" spans="1:12" ht="37.5" customHeight="1">
      <c r="A7" s="11"/>
      <c r="B7" s="190">
        <v>40452</v>
      </c>
      <c r="C7" s="42"/>
      <c r="D7" s="43">
        <v>3844525</v>
      </c>
      <c r="E7" s="43">
        <v>9048331</v>
      </c>
      <c r="F7" s="43">
        <v>4544545</v>
      </c>
      <c r="G7" s="43">
        <v>4503786</v>
      </c>
      <c r="H7" s="43">
        <v>252659</v>
      </c>
      <c r="I7" s="43">
        <v>256734</v>
      </c>
      <c r="J7" s="191">
        <v>2.9202202967219719</v>
      </c>
      <c r="K7" s="191">
        <v>2.3535627938431927</v>
      </c>
      <c r="L7" s="89">
        <v>3745</v>
      </c>
    </row>
    <row r="8" spans="1:12" ht="37.5" customHeight="1">
      <c r="A8" s="11"/>
      <c r="B8" s="190">
        <v>38626</v>
      </c>
      <c r="C8" s="42"/>
      <c r="D8" s="43">
        <v>3591866</v>
      </c>
      <c r="E8" s="43">
        <v>8791597</v>
      </c>
      <c r="F8" s="43">
        <v>4444555</v>
      </c>
      <c r="G8" s="43">
        <v>4347042</v>
      </c>
      <c r="H8" s="43">
        <v>250633</v>
      </c>
      <c r="I8" s="43">
        <v>301623</v>
      </c>
      <c r="J8" s="191">
        <v>3.5526963922386572</v>
      </c>
      <c r="K8" s="191">
        <v>2.4476405857011367</v>
      </c>
      <c r="L8" s="89">
        <v>3639</v>
      </c>
    </row>
    <row r="9" spans="1:12" ht="37.5" customHeight="1">
      <c r="A9" s="11"/>
      <c r="B9" s="190">
        <v>36800</v>
      </c>
      <c r="C9" s="42"/>
      <c r="D9" s="43">
        <v>3341233</v>
      </c>
      <c r="E9" s="43">
        <v>8489974</v>
      </c>
      <c r="F9" s="43">
        <v>4308786</v>
      </c>
      <c r="G9" s="43">
        <v>4181188</v>
      </c>
      <c r="H9" s="43">
        <v>247235</v>
      </c>
      <c r="I9" s="43">
        <v>244074</v>
      </c>
      <c r="J9" s="191">
        <v>2.9599437296110795</v>
      </c>
      <c r="K9" s="191">
        <v>2.5409703543572086</v>
      </c>
      <c r="L9" s="89">
        <v>3515</v>
      </c>
    </row>
    <row r="10" spans="1:12" ht="37.5" customHeight="1">
      <c r="A10" s="11"/>
      <c r="B10" s="190">
        <v>34973</v>
      </c>
      <c r="C10" s="42"/>
      <c r="D10" s="43">
        <v>3093998</v>
      </c>
      <c r="E10" s="43">
        <v>8245900</v>
      </c>
      <c r="F10" s="43">
        <v>4209525</v>
      </c>
      <c r="G10" s="43">
        <v>4036375</v>
      </c>
      <c r="H10" s="43">
        <v>246186</v>
      </c>
      <c r="I10" s="43">
        <v>265509</v>
      </c>
      <c r="J10" s="191">
        <v>3.327017435611864</v>
      </c>
      <c r="K10" s="191">
        <v>2.6651277731918377</v>
      </c>
      <c r="L10" s="89">
        <v>3416</v>
      </c>
    </row>
    <row r="11" spans="1:12" ht="37.5" customHeight="1">
      <c r="A11" s="11"/>
      <c r="B11" s="190">
        <v>33147</v>
      </c>
      <c r="C11" s="42"/>
      <c r="D11" s="43">
        <v>2847812</v>
      </c>
      <c r="E11" s="43">
        <v>7980391</v>
      </c>
      <c r="F11" s="43">
        <v>4098147</v>
      </c>
      <c r="G11" s="43">
        <v>3882244</v>
      </c>
      <c r="H11" s="43">
        <v>355963</v>
      </c>
      <c r="I11" s="43">
        <v>548417</v>
      </c>
      <c r="J11" s="191">
        <v>7.3791566009245999</v>
      </c>
      <c r="K11" s="191">
        <v>2.8022885639922861</v>
      </c>
      <c r="L11" s="89">
        <v>3308</v>
      </c>
    </row>
    <row r="12" spans="1:12" ht="37.5" customHeight="1">
      <c r="A12" s="11"/>
      <c r="B12" s="190">
        <v>31321</v>
      </c>
      <c r="C12" s="42"/>
      <c r="D12" s="43">
        <v>2491849</v>
      </c>
      <c r="E12" s="43">
        <v>7431974</v>
      </c>
      <c r="F12" s="43">
        <v>3804081</v>
      </c>
      <c r="G12" s="43">
        <v>3627893</v>
      </c>
      <c r="H12" s="43">
        <v>233200</v>
      </c>
      <c r="I12" s="43">
        <v>507626</v>
      </c>
      <c r="J12" s="191">
        <v>7.3310295785249373</v>
      </c>
      <c r="K12" s="191">
        <v>2.9825137879542458</v>
      </c>
      <c r="L12" s="89">
        <v>3094</v>
      </c>
    </row>
    <row r="13" spans="1:12" ht="37.5" customHeight="1">
      <c r="A13" s="11"/>
      <c r="B13" s="190">
        <v>29495</v>
      </c>
      <c r="C13" s="42"/>
      <c r="D13" s="43">
        <v>2258649</v>
      </c>
      <c r="E13" s="43">
        <v>6924348</v>
      </c>
      <c r="F13" s="43">
        <v>3536021</v>
      </c>
      <c r="G13" s="43">
        <v>3388327</v>
      </c>
      <c r="H13" s="43">
        <v>352182</v>
      </c>
      <c r="I13" s="43">
        <v>526600</v>
      </c>
      <c r="J13" s="191">
        <v>8.2310212906166349</v>
      </c>
      <c r="K13" s="191">
        <v>3.0657034359920465</v>
      </c>
      <c r="L13" s="89">
        <v>2889</v>
      </c>
    </row>
    <row r="14" spans="1:12" ht="37.5" customHeight="1">
      <c r="A14" s="11"/>
      <c r="B14" s="190">
        <v>27668</v>
      </c>
      <c r="C14" s="42"/>
      <c r="D14" s="43">
        <v>1906467</v>
      </c>
      <c r="E14" s="43">
        <v>6397748</v>
      </c>
      <c r="F14" s="43">
        <v>3287118</v>
      </c>
      <c r="G14" s="43">
        <v>3110630</v>
      </c>
      <c r="H14" s="43">
        <v>371840</v>
      </c>
      <c r="I14" s="43">
        <v>925501</v>
      </c>
      <c r="J14" s="191">
        <v>16.912632050417315</v>
      </c>
      <c r="K14" s="191">
        <v>3.3558136595073504</v>
      </c>
      <c r="L14" s="89">
        <v>2676</v>
      </c>
    </row>
    <row r="15" spans="1:12" ht="37.5" customHeight="1">
      <c r="A15" s="11"/>
      <c r="B15" s="190">
        <v>25842</v>
      </c>
      <c r="C15" s="42"/>
      <c r="D15" s="43">
        <v>1534627</v>
      </c>
      <c r="E15" s="43">
        <v>5472247</v>
      </c>
      <c r="F15" s="43">
        <v>2822212</v>
      </c>
      <c r="G15" s="43">
        <v>2650035</v>
      </c>
      <c r="H15" s="43">
        <v>384785</v>
      </c>
      <c r="I15" s="43">
        <v>1041504</v>
      </c>
      <c r="J15" s="191">
        <v>23.506305827261929</v>
      </c>
      <c r="K15" s="191">
        <v>3.5658482484668914</v>
      </c>
      <c r="L15" s="89">
        <v>2295</v>
      </c>
    </row>
    <row r="16" spans="1:12" ht="37.5" customHeight="1">
      <c r="A16" s="11"/>
      <c r="B16" s="190">
        <v>24016</v>
      </c>
      <c r="C16" s="42"/>
      <c r="D16" s="43">
        <v>1149842</v>
      </c>
      <c r="E16" s="43">
        <v>4430743</v>
      </c>
      <c r="F16" s="43">
        <v>2280926</v>
      </c>
      <c r="G16" s="43">
        <v>2149817</v>
      </c>
      <c r="H16" s="43">
        <v>332846</v>
      </c>
      <c r="I16" s="43">
        <v>987567</v>
      </c>
      <c r="J16" s="191">
        <v>28.6818623271073</v>
      </c>
      <c r="K16" s="191">
        <v>3.8533494167024687</v>
      </c>
      <c r="L16" s="89">
        <v>1866</v>
      </c>
    </row>
    <row r="17" spans="1:21" ht="37.5" customHeight="1">
      <c r="A17" s="11"/>
      <c r="B17" s="190">
        <v>22190</v>
      </c>
      <c r="C17" s="42"/>
      <c r="D17" s="43">
        <v>816996</v>
      </c>
      <c r="E17" s="43">
        <v>3443176</v>
      </c>
      <c r="F17" s="43">
        <v>1746926</v>
      </c>
      <c r="G17" s="43">
        <v>1696250</v>
      </c>
      <c r="H17" s="43">
        <v>191377</v>
      </c>
      <c r="I17" s="43">
        <v>523679</v>
      </c>
      <c r="J17" s="191">
        <v>17.937302213360727</v>
      </c>
      <c r="K17" s="191">
        <v>4.2144343423958013</v>
      </c>
      <c r="L17" s="89">
        <v>1458</v>
      </c>
    </row>
    <row r="18" spans="1:21" ht="37.5" customHeight="1">
      <c r="A18" s="11"/>
      <c r="B18" s="190">
        <v>20363</v>
      </c>
      <c r="C18" s="42"/>
      <c r="D18" s="43">
        <v>625619</v>
      </c>
      <c r="E18" s="43">
        <v>2919497</v>
      </c>
      <c r="F18" s="43">
        <v>1470415</v>
      </c>
      <c r="G18" s="43">
        <v>1449082</v>
      </c>
      <c r="H18" s="43">
        <v>101705</v>
      </c>
      <c r="I18" s="43">
        <v>431832</v>
      </c>
      <c r="J18" s="191">
        <v>17.358928955466272</v>
      </c>
      <c r="K18" s="191">
        <v>4.6665734256792071</v>
      </c>
      <c r="L18" s="89">
        <v>1236</v>
      </c>
    </row>
    <row r="19" spans="1:21" ht="37.5" customHeight="1">
      <c r="A19" s="11"/>
      <c r="B19" s="190">
        <v>18537</v>
      </c>
      <c r="C19" s="42"/>
      <c r="D19" s="43">
        <v>523914</v>
      </c>
      <c r="E19" s="43">
        <v>2487665</v>
      </c>
      <c r="F19" s="43">
        <v>1247934</v>
      </c>
      <c r="G19" s="43">
        <v>1239731</v>
      </c>
      <c r="H19" s="43">
        <v>57963</v>
      </c>
      <c r="I19" s="43">
        <v>269545</v>
      </c>
      <c r="J19" s="191">
        <v>12.15195751357005</v>
      </c>
      <c r="K19" s="191">
        <v>4.7482315799921357</v>
      </c>
      <c r="L19" s="89">
        <v>1054</v>
      </c>
    </row>
    <row r="20" spans="1:21" ht="37.5" customHeight="1">
      <c r="A20" s="11"/>
      <c r="B20" s="192" t="s">
        <v>214</v>
      </c>
      <c r="C20" s="42"/>
      <c r="D20" s="43">
        <v>465951</v>
      </c>
      <c r="E20" s="43">
        <v>2218120</v>
      </c>
      <c r="F20" s="43">
        <v>1115111</v>
      </c>
      <c r="G20" s="43">
        <v>1103009</v>
      </c>
      <c r="H20" s="43">
        <v>34722</v>
      </c>
      <c r="I20" s="43">
        <v>29146</v>
      </c>
      <c r="J20" s="191">
        <v>1.3314913744978241</v>
      </c>
      <c r="K20" s="191">
        <v>4.7604147217196662</v>
      </c>
      <c r="L20" s="89">
        <v>943</v>
      </c>
    </row>
    <row r="21" spans="1:21" ht="37.5" customHeight="1">
      <c r="A21" s="11"/>
      <c r="B21" s="190">
        <v>14885</v>
      </c>
      <c r="C21" s="42"/>
      <c r="D21" s="43">
        <v>431229</v>
      </c>
      <c r="E21" s="43">
        <v>2188974</v>
      </c>
      <c r="F21" s="43">
        <v>1137936</v>
      </c>
      <c r="G21" s="43">
        <v>1051038</v>
      </c>
      <c r="H21" s="43">
        <v>72913</v>
      </c>
      <c r="I21" s="43">
        <v>348969</v>
      </c>
      <c r="J21" s="191">
        <v>18.965654984633193</v>
      </c>
      <c r="K21" s="191">
        <v>5.0761289245389341</v>
      </c>
      <c r="L21" s="89">
        <v>930</v>
      </c>
    </row>
    <row r="22" spans="1:21" ht="37.5" customHeight="1">
      <c r="A22" s="11"/>
      <c r="B22" s="190">
        <v>13058</v>
      </c>
      <c r="C22" s="42"/>
      <c r="D22" s="43">
        <v>358316</v>
      </c>
      <c r="E22" s="43">
        <v>1840005</v>
      </c>
      <c r="F22" s="43">
        <v>951348</v>
      </c>
      <c r="G22" s="43">
        <v>888657</v>
      </c>
      <c r="H22" s="43">
        <v>35053</v>
      </c>
      <c r="I22" s="43">
        <v>220399</v>
      </c>
      <c r="J22" s="191">
        <v>13.608186188492757</v>
      </c>
      <c r="K22" s="191">
        <v>5.1351460721820965</v>
      </c>
      <c r="L22" s="89">
        <v>782</v>
      </c>
    </row>
    <row r="23" spans="1:21" ht="37.5" customHeight="1">
      <c r="A23" s="11"/>
      <c r="B23" s="190">
        <v>11232</v>
      </c>
      <c r="C23" s="42"/>
      <c r="D23" s="43">
        <v>323263</v>
      </c>
      <c r="E23" s="43">
        <v>1619606</v>
      </c>
      <c r="F23" s="43">
        <v>839309</v>
      </c>
      <c r="G23" s="43">
        <v>780297</v>
      </c>
      <c r="H23" s="43">
        <v>35486</v>
      </c>
      <c r="I23" s="43">
        <v>202814</v>
      </c>
      <c r="J23" s="191">
        <v>14.315015895064342</v>
      </c>
      <c r="K23" s="191">
        <v>5.0101805650507485</v>
      </c>
      <c r="L23" s="89">
        <v>688</v>
      </c>
    </row>
    <row r="24" spans="1:21" ht="37.5" customHeight="1">
      <c r="A24" s="11"/>
      <c r="B24" s="190">
        <v>9406</v>
      </c>
      <c r="C24" s="42"/>
      <c r="D24" s="43">
        <v>287777</v>
      </c>
      <c r="E24" s="43">
        <v>1416792</v>
      </c>
      <c r="F24" s="43">
        <v>739699</v>
      </c>
      <c r="G24" s="43">
        <v>677093</v>
      </c>
      <c r="H24" s="43">
        <v>26635</v>
      </c>
      <c r="I24" s="43">
        <v>93402</v>
      </c>
      <c r="J24" s="191">
        <v>7.0577834198535587</v>
      </c>
      <c r="K24" s="191">
        <v>4.923228750039093</v>
      </c>
      <c r="L24" s="89">
        <v>602</v>
      </c>
    </row>
    <row r="25" spans="1:21" ht="37.5" customHeight="1">
      <c r="A25" s="11"/>
      <c r="B25" s="190">
        <v>7580</v>
      </c>
      <c r="C25" s="42"/>
      <c r="D25" s="43">
        <v>261142</v>
      </c>
      <c r="E25" s="43">
        <v>1323390</v>
      </c>
      <c r="F25" s="43">
        <v>689751</v>
      </c>
      <c r="G25" s="43">
        <v>633639</v>
      </c>
      <c r="H25" s="43" t="s">
        <v>215</v>
      </c>
      <c r="I25" s="43" t="s">
        <v>215</v>
      </c>
      <c r="J25" s="191" t="s">
        <v>215</v>
      </c>
      <c r="K25" s="191">
        <v>5.067702629220884</v>
      </c>
      <c r="L25" s="89">
        <v>563</v>
      </c>
    </row>
    <row r="26" spans="1:21" s="3" customFormat="1" ht="3.75" customHeight="1" thickBot="1">
      <c r="A26" s="54"/>
      <c r="B26" s="55"/>
      <c r="C26" s="55"/>
      <c r="D26" s="78"/>
      <c r="E26" s="78"/>
      <c r="F26" s="78"/>
      <c r="G26" s="78"/>
      <c r="H26" s="78"/>
      <c r="I26" s="78"/>
      <c r="J26" s="78"/>
      <c r="K26" s="186"/>
      <c r="L26" s="164"/>
      <c r="S26"/>
      <c r="T26"/>
      <c r="U26"/>
    </row>
  </sheetData>
  <mergeCells count="8">
    <mergeCell ref="A1:L1"/>
    <mergeCell ref="A2:C2"/>
    <mergeCell ref="A3:C4"/>
    <mergeCell ref="D3:D4"/>
    <mergeCell ref="E3:G3"/>
    <mergeCell ref="H3:J3"/>
    <mergeCell ref="K3:K4"/>
    <mergeCell ref="L3:L4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scale="9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75"/>
  <sheetViews>
    <sheetView view="pageBreakPreview" zoomScaleNormal="100" zoomScaleSheetLayoutView="100" workbookViewId="0">
      <selection activeCell="O1" sqref="O1"/>
    </sheetView>
  </sheetViews>
  <sheetFormatPr defaultRowHeight="14.25"/>
  <cols>
    <col min="1" max="1" width="1.75" style="3" customWidth="1"/>
    <col min="2" max="2" width="6.875" style="3" customWidth="1"/>
    <col min="3" max="3" width="1.25" style="3" customWidth="1"/>
    <col min="4" max="10" width="6.5" style="3" customWidth="1"/>
    <col min="11" max="14" width="6.375" style="3" customWidth="1"/>
    <col min="15" max="21" width="6.875" style="3" customWidth="1"/>
  </cols>
  <sheetData>
    <row r="1" spans="1:21" ht="18.75" customHeight="1">
      <c r="A1" s="195" t="s">
        <v>29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  <c r="L1" s="195"/>
      <c r="M1" s="195"/>
      <c r="N1" s="195"/>
    </row>
    <row r="2" spans="1:21" ht="15" customHeight="1" thickBot="1">
      <c r="A2" s="196" t="s">
        <v>30</v>
      </c>
      <c r="B2" s="196"/>
      <c r="C2" s="196"/>
      <c r="K2" s="4"/>
      <c r="L2" s="4"/>
      <c r="M2" s="4"/>
      <c r="N2" s="4"/>
    </row>
    <row r="3" spans="1:21" ht="15" customHeight="1">
      <c r="A3" s="197" t="s">
        <v>2</v>
      </c>
      <c r="B3" s="198"/>
      <c r="C3" s="198"/>
      <c r="D3" s="218" t="s">
        <v>4</v>
      </c>
      <c r="E3" s="203" t="s">
        <v>7</v>
      </c>
      <c r="F3" s="219"/>
      <c r="G3" s="219"/>
      <c r="H3" s="203" t="s">
        <v>8</v>
      </c>
      <c r="I3" s="219"/>
      <c r="J3" s="219"/>
      <c r="K3" s="220" t="s">
        <v>31</v>
      </c>
      <c r="L3" s="221"/>
      <c r="M3" s="209" t="s">
        <v>32</v>
      </c>
      <c r="N3" s="222" t="s">
        <v>33</v>
      </c>
    </row>
    <row r="4" spans="1:21" ht="15" customHeight="1">
      <c r="A4" s="201"/>
      <c r="B4" s="202"/>
      <c r="C4" s="202"/>
      <c r="D4" s="216"/>
      <c r="E4" s="10"/>
      <c r="F4" s="9" t="s">
        <v>34</v>
      </c>
      <c r="G4" s="9" t="s">
        <v>35</v>
      </c>
      <c r="H4" s="10"/>
      <c r="I4" s="9" t="s">
        <v>36</v>
      </c>
      <c r="J4" s="9" t="s">
        <v>37</v>
      </c>
      <c r="K4" s="9" t="s">
        <v>7</v>
      </c>
      <c r="L4" s="9" t="s">
        <v>8</v>
      </c>
      <c r="M4" s="211"/>
      <c r="N4" s="214"/>
    </row>
    <row r="5" spans="1:21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0</v>
      </c>
      <c r="H5" s="14" t="s">
        <v>10</v>
      </c>
      <c r="I5" s="14" t="s">
        <v>10</v>
      </c>
      <c r="J5" s="14" t="s">
        <v>10</v>
      </c>
      <c r="K5" s="14" t="s">
        <v>11</v>
      </c>
      <c r="L5" s="14" t="s">
        <v>11</v>
      </c>
      <c r="M5" s="13" t="s">
        <v>11</v>
      </c>
      <c r="N5" s="16" t="s">
        <v>11</v>
      </c>
    </row>
    <row r="6" spans="1:21" ht="11.25" customHeight="1">
      <c r="A6" s="61"/>
      <c r="B6" s="18" t="s">
        <v>38</v>
      </c>
      <c r="C6" s="19"/>
      <c r="D6" s="62">
        <v>19363</v>
      </c>
      <c r="E6" s="62">
        <v>-5354</v>
      </c>
      <c r="F6" s="62">
        <v>72795</v>
      </c>
      <c r="G6" s="62">
        <v>78149</v>
      </c>
      <c r="H6" s="62">
        <v>24717</v>
      </c>
      <c r="I6" s="62">
        <v>486889</v>
      </c>
      <c r="J6" s="62">
        <v>462172</v>
      </c>
      <c r="K6" s="63">
        <v>-27.7</v>
      </c>
      <c r="L6" s="63">
        <v>127.7</v>
      </c>
      <c r="M6" s="64">
        <v>8</v>
      </c>
      <c r="N6" s="65">
        <v>8.5</v>
      </c>
    </row>
    <row r="7" spans="1:21" s="33" customFormat="1" ht="11.25" customHeight="1">
      <c r="A7" s="34"/>
      <c r="B7" s="66" t="s">
        <v>15</v>
      </c>
      <c r="C7" s="35"/>
      <c r="D7" s="36">
        <v>27691</v>
      </c>
      <c r="E7" s="36">
        <v>-1492</v>
      </c>
      <c r="F7" s="36">
        <v>75189</v>
      </c>
      <c r="G7" s="36">
        <v>76681</v>
      </c>
      <c r="H7" s="36">
        <v>29183</v>
      </c>
      <c r="I7" s="36">
        <v>521832</v>
      </c>
      <c r="J7" s="36">
        <v>492649</v>
      </c>
      <c r="K7" s="67">
        <v>-5.3880322126322637</v>
      </c>
      <c r="L7" s="67">
        <v>105.38803221263227</v>
      </c>
      <c r="M7" s="68">
        <v>8.2455154338164931</v>
      </c>
      <c r="N7" s="69">
        <v>8.4091339023059568</v>
      </c>
      <c r="O7" s="32"/>
      <c r="P7" s="32"/>
      <c r="Q7" s="32"/>
      <c r="R7" s="32"/>
      <c r="S7" s="32"/>
      <c r="T7" s="32"/>
      <c r="U7" s="32"/>
    </row>
    <row r="8" spans="1:21" ht="6" customHeight="1">
      <c r="A8" s="40"/>
      <c r="B8" s="70"/>
      <c r="C8" s="42"/>
      <c r="D8" s="43"/>
      <c r="E8" s="43"/>
      <c r="F8" s="43"/>
      <c r="G8" s="43"/>
      <c r="H8" s="43"/>
      <c r="I8" s="43"/>
      <c r="J8" s="43"/>
      <c r="K8" s="71"/>
      <c r="L8" s="71"/>
      <c r="M8" s="72"/>
      <c r="N8" s="73"/>
    </row>
    <row r="9" spans="1:21" ht="11.25" customHeight="1">
      <c r="A9" s="47"/>
      <c r="B9" s="74">
        <v>26</v>
      </c>
      <c r="C9" s="49"/>
      <c r="D9" s="50">
        <v>16507</v>
      </c>
      <c r="E9" s="50">
        <v>-285</v>
      </c>
      <c r="F9" s="50">
        <v>74459</v>
      </c>
      <c r="G9" s="50">
        <v>74744</v>
      </c>
      <c r="H9" s="50">
        <v>16792</v>
      </c>
      <c r="I9" s="50">
        <v>478908</v>
      </c>
      <c r="J9" s="50">
        <v>462116</v>
      </c>
      <c r="K9" s="75">
        <v>-1.7265402556491185</v>
      </c>
      <c r="L9" s="75">
        <v>101.72654025564911</v>
      </c>
      <c r="M9" s="76">
        <v>8.1847856136665555</v>
      </c>
      <c r="N9" s="77">
        <v>8.2161137795013772</v>
      </c>
    </row>
    <row r="10" spans="1:21" ht="11.25" customHeight="1">
      <c r="A10" s="40"/>
      <c r="B10" s="70">
        <v>25</v>
      </c>
      <c r="C10" s="42"/>
      <c r="D10" s="43">
        <v>11306</v>
      </c>
      <c r="E10" s="43">
        <v>2111</v>
      </c>
      <c r="F10" s="43">
        <v>75656</v>
      </c>
      <c r="G10" s="43">
        <v>73545</v>
      </c>
      <c r="H10" s="43">
        <v>9195</v>
      </c>
      <c r="I10" s="43">
        <v>486505</v>
      </c>
      <c r="J10" s="43">
        <v>477310</v>
      </c>
      <c r="K10" s="71">
        <v>18.671501857420839</v>
      </c>
      <c r="L10" s="71">
        <v>81.328498142579164</v>
      </c>
      <c r="M10" s="72">
        <v>8.3327431671142573</v>
      </c>
      <c r="N10" s="73">
        <v>8.1002378691104209</v>
      </c>
    </row>
    <row r="11" spans="1:21" ht="11.25" customHeight="1">
      <c r="A11" s="40"/>
      <c r="B11" s="70">
        <v>24</v>
      </c>
      <c r="C11" s="42"/>
      <c r="D11" s="43">
        <v>12276</v>
      </c>
      <c r="E11" s="43">
        <v>4625</v>
      </c>
      <c r="F11" s="43">
        <v>77079</v>
      </c>
      <c r="G11" s="43">
        <v>72454</v>
      </c>
      <c r="H11" s="43">
        <v>7651</v>
      </c>
      <c r="I11" s="43">
        <v>487933</v>
      </c>
      <c r="J11" s="43">
        <v>480282</v>
      </c>
      <c r="K11" s="71">
        <v>37.675138481590089</v>
      </c>
      <c r="L11" s="71">
        <v>62.324861518409904</v>
      </c>
      <c r="M11" s="72">
        <v>8.4970442954416985</v>
      </c>
      <c r="N11" s="73">
        <v>7.9871929758031737</v>
      </c>
    </row>
    <row r="12" spans="1:21" ht="11.25" customHeight="1">
      <c r="A12" s="40"/>
      <c r="B12" s="70">
        <v>23</v>
      </c>
      <c r="C12" s="42"/>
      <c r="D12" s="43">
        <v>9229</v>
      </c>
      <c r="E12" s="43">
        <v>5970</v>
      </c>
      <c r="F12" s="43">
        <v>77353</v>
      </c>
      <c r="G12" s="43">
        <v>71383</v>
      </c>
      <c r="H12" s="43">
        <v>3259</v>
      </c>
      <c r="I12" s="43">
        <v>484175</v>
      </c>
      <c r="J12" s="43">
        <v>480916</v>
      </c>
      <c r="K12" s="71">
        <v>64.687398418030114</v>
      </c>
      <c r="L12" s="71">
        <v>35.312601581969879</v>
      </c>
      <c r="M12" s="72">
        <v>8.5383487794001436</v>
      </c>
      <c r="N12" s="73">
        <v>7.8793705598996855</v>
      </c>
    </row>
    <row r="13" spans="1:21" ht="11.25" customHeight="1">
      <c r="A13" s="40"/>
      <c r="B13" s="70" t="s">
        <v>16</v>
      </c>
      <c r="C13" s="42"/>
      <c r="D13" s="43">
        <v>42896</v>
      </c>
      <c r="E13" s="43">
        <v>11519</v>
      </c>
      <c r="F13" s="43">
        <v>79870</v>
      </c>
      <c r="G13" s="43">
        <v>68351</v>
      </c>
      <c r="H13" s="43">
        <v>31377</v>
      </c>
      <c r="I13" s="43">
        <v>530727</v>
      </c>
      <c r="J13" s="43">
        <v>499350</v>
      </c>
      <c r="K13" s="71">
        <v>26.853319656844459</v>
      </c>
      <c r="L13" s="71">
        <v>73.146680343155538</v>
      </c>
      <c r="M13" s="72">
        <v>8.846624758454027</v>
      </c>
      <c r="N13" s="73">
        <v>7.5707480764378507</v>
      </c>
    </row>
    <row r="14" spans="1:21" ht="6" customHeight="1">
      <c r="A14" s="40"/>
      <c r="B14" s="70"/>
      <c r="C14" s="42"/>
      <c r="D14" s="43"/>
      <c r="E14" s="43"/>
      <c r="F14" s="43"/>
      <c r="G14" s="43"/>
      <c r="H14" s="43"/>
      <c r="I14" s="43"/>
      <c r="J14" s="43"/>
      <c r="K14" s="71"/>
      <c r="L14" s="71"/>
      <c r="M14" s="72"/>
      <c r="N14" s="73"/>
    </row>
    <row r="15" spans="1:21" ht="11.25" customHeight="1">
      <c r="A15" s="47"/>
      <c r="B15" s="74">
        <v>21</v>
      </c>
      <c r="C15" s="49"/>
      <c r="D15" s="50">
        <v>42780</v>
      </c>
      <c r="E15" s="50">
        <v>15296</v>
      </c>
      <c r="F15" s="50">
        <v>79738</v>
      </c>
      <c r="G15" s="50">
        <v>64442</v>
      </c>
      <c r="H15" s="50">
        <v>27484</v>
      </c>
      <c r="I15" s="50">
        <v>520485</v>
      </c>
      <c r="J15" s="50">
        <v>493001</v>
      </c>
      <c r="K15" s="75">
        <v>35.75502571294998</v>
      </c>
      <c r="L15" s="75">
        <v>64.244974287050027</v>
      </c>
      <c r="M15" s="76">
        <v>8.8584411374372625</v>
      </c>
      <c r="N15" s="77">
        <v>7.1591419872423696</v>
      </c>
    </row>
    <row r="16" spans="1:21" ht="11.25" customHeight="1">
      <c r="A16" s="40"/>
      <c r="B16" s="70">
        <v>20</v>
      </c>
      <c r="C16" s="42"/>
      <c r="D16" s="43">
        <v>55096</v>
      </c>
      <c r="E16" s="43">
        <v>16427</v>
      </c>
      <c r="F16" s="43">
        <v>80276</v>
      </c>
      <c r="G16" s="43">
        <v>63849</v>
      </c>
      <c r="H16" s="43">
        <v>38669</v>
      </c>
      <c r="I16" s="43">
        <v>530261</v>
      </c>
      <c r="J16" s="43">
        <v>491592</v>
      </c>
      <c r="K16" s="71">
        <v>29.815231595760128</v>
      </c>
      <c r="L16" s="71">
        <v>70.184768404239875</v>
      </c>
      <c r="M16" s="72">
        <v>8.9726517205928147</v>
      </c>
      <c r="N16" s="73">
        <v>7.1365643493463873</v>
      </c>
    </row>
    <row r="17" spans="1:14" ht="11.25" customHeight="1">
      <c r="A17" s="40"/>
      <c r="B17" s="70">
        <v>19</v>
      </c>
      <c r="C17" s="42"/>
      <c r="D17" s="43">
        <v>62090</v>
      </c>
      <c r="E17" s="43">
        <v>19192</v>
      </c>
      <c r="F17" s="43">
        <v>80674</v>
      </c>
      <c r="G17" s="43">
        <v>61482</v>
      </c>
      <c r="H17" s="43">
        <v>42898</v>
      </c>
      <c r="I17" s="43">
        <v>549582</v>
      </c>
      <c r="J17" s="43">
        <v>506684</v>
      </c>
      <c r="K17" s="71">
        <v>30.90996939925914</v>
      </c>
      <c r="L17" s="71">
        <v>69.09003060074086</v>
      </c>
      <c r="M17" s="72">
        <v>9.0747590561143721</v>
      </c>
      <c r="N17" s="73">
        <v>6.9159126396115704</v>
      </c>
    </row>
    <row r="18" spans="1:14" ht="11.25" customHeight="1">
      <c r="A18" s="40"/>
      <c r="B18" s="70">
        <v>18</v>
      </c>
      <c r="C18" s="42"/>
      <c r="D18" s="43">
        <v>46534</v>
      </c>
      <c r="E18" s="43">
        <v>20836</v>
      </c>
      <c r="F18" s="43">
        <v>80256</v>
      </c>
      <c r="G18" s="43">
        <v>59420</v>
      </c>
      <c r="H18" s="43">
        <v>25698</v>
      </c>
      <c r="I18" s="43">
        <v>543598</v>
      </c>
      <c r="J18" s="43">
        <v>517900</v>
      </c>
      <c r="K18" s="71">
        <v>44.775862809988396</v>
      </c>
      <c r="L18" s="71">
        <v>55.224137190011604</v>
      </c>
      <c r="M18" s="72">
        <v>9.0878239397170724</v>
      </c>
      <c r="N18" s="73">
        <v>6.7284501906148879</v>
      </c>
    </row>
    <row r="19" spans="1:14" ht="11.25" customHeight="1">
      <c r="A19" s="40"/>
      <c r="B19" s="70" t="s">
        <v>17</v>
      </c>
      <c r="C19" s="42"/>
      <c r="D19" s="43">
        <v>52901</v>
      </c>
      <c r="E19" s="43">
        <v>18418</v>
      </c>
      <c r="F19" s="43">
        <v>77579</v>
      </c>
      <c r="G19" s="43">
        <v>59161</v>
      </c>
      <c r="H19" s="43">
        <v>34483</v>
      </c>
      <c r="I19" s="43">
        <v>568091</v>
      </c>
      <c r="J19" s="43">
        <v>533608</v>
      </c>
      <c r="K19" s="71">
        <v>34.815977013667037</v>
      </c>
      <c r="L19" s="71">
        <v>65.184022986332963</v>
      </c>
      <c r="M19" s="72">
        <v>8.8365684194196064</v>
      </c>
      <c r="N19" s="73">
        <v>6.7386821725116759</v>
      </c>
    </row>
    <row r="20" spans="1:14" ht="6" customHeight="1">
      <c r="A20" s="40"/>
      <c r="B20" s="70"/>
      <c r="C20" s="42"/>
      <c r="D20" s="43"/>
      <c r="E20" s="43"/>
      <c r="F20" s="43"/>
      <c r="G20" s="43"/>
      <c r="H20" s="43"/>
      <c r="I20" s="43"/>
      <c r="J20" s="43"/>
      <c r="K20" s="71"/>
      <c r="L20" s="71"/>
      <c r="M20" s="72"/>
      <c r="N20" s="73"/>
    </row>
    <row r="21" spans="1:14" ht="11.25" customHeight="1">
      <c r="A21" s="47"/>
      <c r="B21" s="74">
        <v>16</v>
      </c>
      <c r="C21" s="49"/>
      <c r="D21" s="50">
        <v>51011</v>
      </c>
      <c r="E21" s="50">
        <v>25047</v>
      </c>
      <c r="F21" s="50">
        <v>81067</v>
      </c>
      <c r="G21" s="50">
        <v>56020</v>
      </c>
      <c r="H21" s="50">
        <v>25964</v>
      </c>
      <c r="I21" s="50">
        <v>558651</v>
      </c>
      <c r="J21" s="50">
        <v>532687</v>
      </c>
      <c r="K21" s="75">
        <v>49.1011742565329</v>
      </c>
      <c r="L21" s="75">
        <v>50.898825743467093</v>
      </c>
      <c r="M21" s="76">
        <v>9.2789761546554796</v>
      </c>
      <c r="N21" s="77">
        <v>6.4120819098252051</v>
      </c>
    </row>
    <row r="22" spans="1:14" ht="11.25" customHeight="1">
      <c r="A22" s="40"/>
      <c r="B22" s="70">
        <v>15</v>
      </c>
      <c r="C22" s="42"/>
      <c r="D22" s="43">
        <v>58055</v>
      </c>
      <c r="E22" s="43">
        <v>26314</v>
      </c>
      <c r="F22" s="43">
        <v>81271</v>
      </c>
      <c r="G22" s="43">
        <v>54957</v>
      </c>
      <c r="H22" s="43">
        <v>31741</v>
      </c>
      <c r="I22" s="43">
        <v>574857</v>
      </c>
      <c r="J22" s="43">
        <v>543116</v>
      </c>
      <c r="K22" s="71">
        <v>45.325983980707953</v>
      </c>
      <c r="L22" s="71">
        <v>54.674016019292047</v>
      </c>
      <c r="M22" s="72">
        <v>9.3651838622133017</v>
      </c>
      <c r="N22" s="73">
        <v>6.3329159173094514</v>
      </c>
    </row>
    <row r="23" spans="1:14" ht="11.25" customHeight="1">
      <c r="A23" s="40"/>
      <c r="B23" s="70">
        <v>14</v>
      </c>
      <c r="C23" s="42"/>
      <c r="D23" s="43">
        <v>64293</v>
      </c>
      <c r="E23" s="43">
        <v>29182</v>
      </c>
      <c r="F23" s="43">
        <v>82685</v>
      </c>
      <c r="G23" s="43">
        <v>53503</v>
      </c>
      <c r="H23" s="43">
        <v>35111</v>
      </c>
      <c r="I23" s="43">
        <v>571871</v>
      </c>
      <c r="J23" s="43">
        <v>536760</v>
      </c>
      <c r="K23" s="71">
        <v>45.389078126701193</v>
      </c>
      <c r="L23" s="71">
        <v>54.6109218732988</v>
      </c>
      <c r="M23" s="72">
        <v>9.5956938504234603</v>
      </c>
      <c r="N23" s="73">
        <v>6.2090875984665459</v>
      </c>
    </row>
    <row r="24" spans="1:14" ht="11.25" customHeight="1">
      <c r="A24" s="40"/>
      <c r="B24" s="70">
        <v>13</v>
      </c>
      <c r="C24" s="42"/>
      <c r="D24" s="43">
        <v>71874</v>
      </c>
      <c r="E24" s="43">
        <v>30898</v>
      </c>
      <c r="F24" s="43">
        <v>83163</v>
      </c>
      <c r="G24" s="43">
        <v>52265</v>
      </c>
      <c r="H24" s="43">
        <v>40976</v>
      </c>
      <c r="I24" s="43">
        <v>583135</v>
      </c>
      <c r="J24" s="43">
        <v>542159</v>
      </c>
      <c r="K24" s="71">
        <v>42.989119848623979</v>
      </c>
      <c r="L24" s="71">
        <v>57.010880151376021</v>
      </c>
      <c r="M24" s="72">
        <v>9.7292235748974019</v>
      </c>
      <c r="N24" s="73">
        <v>6.114472423337455</v>
      </c>
    </row>
    <row r="25" spans="1:14" ht="11.25" customHeight="1">
      <c r="A25" s="40"/>
      <c r="B25" s="70" t="s">
        <v>18</v>
      </c>
      <c r="C25" s="42"/>
      <c r="D25" s="43">
        <v>57324</v>
      </c>
      <c r="E25" s="43">
        <v>33217</v>
      </c>
      <c r="F25" s="43">
        <v>84411</v>
      </c>
      <c r="G25" s="43">
        <v>51194</v>
      </c>
      <c r="H25" s="43">
        <v>24107</v>
      </c>
      <c r="I25" s="43">
        <v>591245</v>
      </c>
      <c r="J25" s="43">
        <v>567138</v>
      </c>
      <c r="K25" s="71">
        <v>57.946060986672251</v>
      </c>
      <c r="L25" s="71">
        <v>42.053939013327749</v>
      </c>
      <c r="M25" s="72">
        <v>9.9548692779933585</v>
      </c>
      <c r="N25" s="73">
        <v>6.0374782648895531</v>
      </c>
    </row>
    <row r="26" spans="1:14" ht="6" customHeight="1">
      <c r="A26" s="40"/>
      <c r="B26" s="70"/>
      <c r="C26" s="42"/>
      <c r="D26" s="43"/>
      <c r="E26" s="43"/>
      <c r="F26" s="43"/>
      <c r="G26" s="43"/>
      <c r="H26" s="43"/>
      <c r="I26" s="43"/>
      <c r="J26" s="43"/>
      <c r="K26" s="71"/>
      <c r="L26" s="71"/>
      <c r="M26" s="72"/>
      <c r="N26" s="73"/>
    </row>
    <row r="27" spans="1:14" ht="11.25" customHeight="1">
      <c r="A27" s="47"/>
      <c r="B27" s="74">
        <v>11</v>
      </c>
      <c r="C27" s="49"/>
      <c r="D27" s="50">
        <v>47838</v>
      </c>
      <c r="E27" s="50">
        <v>31408</v>
      </c>
      <c r="F27" s="50">
        <v>83308</v>
      </c>
      <c r="G27" s="50">
        <v>51900</v>
      </c>
      <c r="H27" s="50">
        <v>16430</v>
      </c>
      <c r="I27" s="50">
        <v>572124</v>
      </c>
      <c r="J27" s="50">
        <v>555694</v>
      </c>
      <c r="K27" s="75">
        <v>65.654918683891466</v>
      </c>
      <c r="L27" s="75">
        <v>34.345081316108534</v>
      </c>
      <c r="M27" s="76">
        <v>9.8853316714597401</v>
      </c>
      <c r="N27" s="77">
        <v>6.1584567358328206</v>
      </c>
    </row>
    <row r="28" spans="1:14" ht="11.25" customHeight="1">
      <c r="A28" s="40"/>
      <c r="B28" s="70">
        <v>10</v>
      </c>
      <c r="C28" s="42"/>
      <c r="D28" s="43">
        <v>57499</v>
      </c>
      <c r="E28" s="43">
        <v>34626</v>
      </c>
      <c r="F28" s="43">
        <v>84711</v>
      </c>
      <c r="G28" s="43">
        <v>50085</v>
      </c>
      <c r="H28" s="43">
        <v>22873</v>
      </c>
      <c r="I28" s="43">
        <v>574061</v>
      </c>
      <c r="J28" s="43">
        <v>551188</v>
      </c>
      <c r="K28" s="71">
        <v>60.220177742221601</v>
      </c>
      <c r="L28" s="71">
        <v>39.779822257778399</v>
      </c>
      <c r="M28" s="72">
        <v>10.110553557909657</v>
      </c>
      <c r="N28" s="73">
        <v>5.9778195859794492</v>
      </c>
    </row>
    <row r="29" spans="1:14" ht="11.25" customHeight="1">
      <c r="A29" s="40"/>
      <c r="B29" s="70">
        <v>9</v>
      </c>
      <c r="C29" s="42"/>
      <c r="D29" s="43">
        <v>45333</v>
      </c>
      <c r="E29" s="43">
        <v>35197</v>
      </c>
      <c r="F29" s="43">
        <v>82961</v>
      </c>
      <c r="G29" s="43">
        <v>47764</v>
      </c>
      <c r="H29" s="43">
        <v>10136</v>
      </c>
      <c r="I29" s="43">
        <v>579491</v>
      </c>
      <c r="J29" s="43">
        <v>569355</v>
      </c>
      <c r="K29" s="71">
        <v>77.641012066265191</v>
      </c>
      <c r="L29" s="71">
        <v>22.358987933734806</v>
      </c>
      <c r="M29" s="72">
        <v>9.9708677735366322</v>
      </c>
      <c r="N29" s="73">
        <v>5.7406314814817039</v>
      </c>
    </row>
    <row r="30" spans="1:14" ht="11.25" customHeight="1">
      <c r="A30" s="40"/>
      <c r="B30" s="70">
        <v>8</v>
      </c>
      <c r="C30" s="42"/>
      <c r="D30" s="43">
        <v>42839</v>
      </c>
      <c r="E30" s="43">
        <v>36959</v>
      </c>
      <c r="F30" s="43">
        <v>83046</v>
      </c>
      <c r="G30" s="43">
        <v>46087</v>
      </c>
      <c r="H30" s="43">
        <v>5880</v>
      </c>
      <c r="I30" s="43">
        <v>590290</v>
      </c>
      <c r="J30" s="43">
        <v>584410</v>
      </c>
      <c r="K30" s="71">
        <v>86.274189406848905</v>
      </c>
      <c r="L30" s="71">
        <v>13.725810593151099</v>
      </c>
      <c r="M30" s="72">
        <v>10.034985784193067</v>
      </c>
      <c r="N30" s="73">
        <v>5.5689905574754457</v>
      </c>
    </row>
    <row r="31" spans="1:14" ht="11.25" customHeight="1">
      <c r="A31" s="40"/>
      <c r="B31" s="70" t="s">
        <v>19</v>
      </c>
      <c r="C31" s="42"/>
      <c r="D31" s="43">
        <v>13825</v>
      </c>
      <c r="E31" s="43">
        <v>35304</v>
      </c>
      <c r="F31" s="43">
        <v>82204</v>
      </c>
      <c r="G31" s="43">
        <v>46900</v>
      </c>
      <c r="H31" s="43">
        <v>-21479</v>
      </c>
      <c r="I31" s="43">
        <v>598915</v>
      </c>
      <c r="J31" s="43">
        <v>620394</v>
      </c>
      <c r="K31" s="71">
        <v>255.3634719710669</v>
      </c>
      <c r="L31" s="71">
        <v>-155.3634719710669</v>
      </c>
      <c r="M31" s="72">
        <v>9.9517605224153698</v>
      </c>
      <c r="N31" s="73">
        <v>5.6777963177130175</v>
      </c>
    </row>
    <row r="32" spans="1:14" ht="6" customHeight="1">
      <c r="A32" s="40"/>
      <c r="B32" s="70"/>
      <c r="C32" s="42"/>
      <c r="D32" s="43"/>
      <c r="E32" s="43"/>
      <c r="F32" s="43"/>
      <c r="G32" s="43"/>
      <c r="H32" s="43"/>
      <c r="I32" s="43"/>
      <c r="J32" s="43"/>
      <c r="K32" s="71"/>
      <c r="L32" s="71"/>
      <c r="M32" s="72"/>
      <c r="N32" s="73"/>
    </row>
    <row r="33" spans="1:14" ht="11.25" customHeight="1">
      <c r="A33" s="47"/>
      <c r="B33" s="74">
        <v>6</v>
      </c>
      <c r="C33" s="49"/>
      <c r="D33" s="50">
        <v>41968</v>
      </c>
      <c r="E33" s="50">
        <v>40246</v>
      </c>
      <c r="F33" s="50">
        <v>85015</v>
      </c>
      <c r="G33" s="50">
        <v>44769</v>
      </c>
      <c r="H33" s="50">
        <v>1722</v>
      </c>
      <c r="I33" s="50">
        <v>599910</v>
      </c>
      <c r="J33" s="50">
        <v>598188</v>
      </c>
      <c r="K33" s="75">
        <v>95.896873808616093</v>
      </c>
      <c r="L33" s="75">
        <v>4.1031261913839119</v>
      </c>
      <c r="M33" s="76">
        <v>10.34199567975493</v>
      </c>
      <c r="N33" s="77">
        <v>5.4461072115150087</v>
      </c>
    </row>
    <row r="34" spans="1:14" ht="11.25" customHeight="1">
      <c r="A34" s="40"/>
      <c r="B34" s="70">
        <v>5</v>
      </c>
      <c r="C34" s="42"/>
      <c r="D34" s="43">
        <v>48360</v>
      </c>
      <c r="E34" s="43">
        <v>36360</v>
      </c>
      <c r="F34" s="43">
        <v>80550</v>
      </c>
      <c r="G34" s="43">
        <v>44190</v>
      </c>
      <c r="H34" s="43">
        <v>12000</v>
      </c>
      <c r="I34" s="43">
        <v>597641</v>
      </c>
      <c r="J34" s="43">
        <v>585641</v>
      </c>
      <c r="K34" s="71">
        <v>75.186104218362289</v>
      </c>
      <c r="L34" s="71">
        <v>24.813895781637719</v>
      </c>
      <c r="M34" s="72">
        <v>9.8455441304056084</v>
      </c>
      <c r="N34" s="73">
        <v>5.4012985117644172</v>
      </c>
    </row>
    <row r="35" spans="1:14" ht="11.25" customHeight="1">
      <c r="A35" s="40"/>
      <c r="B35" s="70">
        <v>4</v>
      </c>
      <c r="C35" s="42"/>
      <c r="D35" s="43">
        <v>63663</v>
      </c>
      <c r="E35" s="43">
        <v>38388</v>
      </c>
      <c r="F35" s="43">
        <v>80794</v>
      </c>
      <c r="G35" s="43">
        <v>42406</v>
      </c>
      <c r="H35" s="43">
        <v>25275</v>
      </c>
      <c r="I35" s="43">
        <v>593602</v>
      </c>
      <c r="J35" s="43">
        <v>568327</v>
      </c>
      <c r="K35" s="71">
        <v>60.298760661608789</v>
      </c>
      <c r="L35" s="71">
        <v>39.701239338391211</v>
      </c>
      <c r="M35" s="72">
        <v>9.9356300444283541</v>
      </c>
      <c r="N35" s="73">
        <v>5.2148714962005691</v>
      </c>
    </row>
    <row r="36" spans="1:14" ht="11.25" customHeight="1">
      <c r="A36" s="40"/>
      <c r="B36" s="70">
        <v>3</v>
      </c>
      <c r="C36" s="42"/>
      <c r="D36" s="43">
        <v>86102</v>
      </c>
      <c r="E36" s="43">
        <v>40921</v>
      </c>
      <c r="F36" s="43">
        <v>81652</v>
      </c>
      <c r="G36" s="43">
        <v>40731</v>
      </c>
      <c r="H36" s="43">
        <v>45181</v>
      </c>
      <c r="I36" s="43">
        <v>596314</v>
      </c>
      <c r="J36" s="43">
        <v>551133</v>
      </c>
      <c r="K36" s="71">
        <v>47.526189867831178</v>
      </c>
      <c r="L36" s="71">
        <v>52.473810132168822</v>
      </c>
      <c r="M36" s="72">
        <v>10.134822733073182</v>
      </c>
      <c r="N36" s="73">
        <v>5.0556197611914442</v>
      </c>
    </row>
    <row r="37" spans="1:14" ht="11.25" customHeight="1">
      <c r="A37" s="40"/>
      <c r="B37" s="70" t="s">
        <v>20</v>
      </c>
      <c r="C37" s="42"/>
      <c r="D37" s="43">
        <v>88365</v>
      </c>
      <c r="E37" s="43">
        <v>39966</v>
      </c>
      <c r="F37" s="43">
        <v>79435</v>
      </c>
      <c r="G37" s="43">
        <v>39469</v>
      </c>
      <c r="H37" s="43">
        <v>48399</v>
      </c>
      <c r="I37" s="43">
        <v>611876</v>
      </c>
      <c r="J37" s="43">
        <v>563477</v>
      </c>
      <c r="K37" s="71">
        <v>45.228314377864535</v>
      </c>
      <c r="L37" s="71">
        <v>54.771685622135458</v>
      </c>
      <c r="M37" s="72">
        <v>9.9612859796357629</v>
      </c>
      <c r="N37" s="73">
        <v>4.9494806612984696</v>
      </c>
    </row>
    <row r="38" spans="1:14" ht="6" customHeight="1">
      <c r="A38" s="40"/>
      <c r="B38" s="70"/>
      <c r="C38" s="42"/>
      <c r="D38" s="43"/>
      <c r="E38" s="43"/>
      <c r="F38" s="43"/>
      <c r="G38" s="43"/>
      <c r="H38" s="43"/>
      <c r="I38" s="43"/>
      <c r="J38" s="43"/>
      <c r="K38" s="71"/>
      <c r="L38" s="71"/>
      <c r="M38" s="72"/>
      <c r="N38" s="73"/>
    </row>
    <row r="39" spans="1:14" ht="11.25" customHeight="1">
      <c r="A39" s="47"/>
      <c r="B39" s="74" t="s">
        <v>21</v>
      </c>
      <c r="C39" s="49"/>
      <c r="D39" s="50">
        <v>100278</v>
      </c>
      <c r="E39" s="50">
        <v>42342</v>
      </c>
      <c r="F39" s="50">
        <v>79173</v>
      </c>
      <c r="G39" s="50">
        <v>36831</v>
      </c>
      <c r="H39" s="50">
        <v>57936</v>
      </c>
      <c r="I39" s="50">
        <v>585529</v>
      </c>
      <c r="J39" s="50">
        <v>527593</v>
      </c>
      <c r="K39" s="75">
        <v>42.22461556871896</v>
      </c>
      <c r="L39" s="75">
        <v>57.77538443128104</v>
      </c>
      <c r="M39" s="76">
        <v>10.055043466698265</v>
      </c>
      <c r="N39" s="77">
        <v>4.6775707112521161</v>
      </c>
    </row>
    <row r="40" spans="1:14" ht="11.25" customHeight="1">
      <c r="A40" s="40"/>
      <c r="B40" s="70" t="s">
        <v>22</v>
      </c>
      <c r="C40" s="42"/>
      <c r="D40" s="43">
        <v>109017</v>
      </c>
      <c r="E40" s="43">
        <v>47324</v>
      </c>
      <c r="F40" s="43">
        <v>84328</v>
      </c>
      <c r="G40" s="43">
        <v>37004</v>
      </c>
      <c r="H40" s="43">
        <v>61693</v>
      </c>
      <c r="I40" s="43">
        <v>568062</v>
      </c>
      <c r="J40" s="43">
        <v>506369</v>
      </c>
      <c r="K40" s="71">
        <v>43.409743434510212</v>
      </c>
      <c r="L40" s="71">
        <v>56.590256565489781</v>
      </c>
      <c r="M40" s="72">
        <v>10.852556550007174</v>
      </c>
      <c r="N40" s="73">
        <v>4.7622142417283166</v>
      </c>
    </row>
    <row r="41" spans="1:14" ht="11.25" customHeight="1">
      <c r="A41" s="40"/>
      <c r="B41" s="70">
        <v>62</v>
      </c>
      <c r="C41" s="42"/>
      <c r="D41" s="43">
        <v>128890</v>
      </c>
      <c r="E41" s="43">
        <v>48655</v>
      </c>
      <c r="F41" s="43">
        <v>83506</v>
      </c>
      <c r="G41" s="43">
        <v>34851</v>
      </c>
      <c r="H41" s="43">
        <v>80235</v>
      </c>
      <c r="I41" s="43">
        <v>579558</v>
      </c>
      <c r="J41" s="43">
        <v>499323</v>
      </c>
      <c r="K41" s="71">
        <v>37.749243541003956</v>
      </c>
      <c r="L41" s="71">
        <v>62.250756458996051</v>
      </c>
      <c r="M41" s="72">
        <v>10.905958862022107</v>
      </c>
      <c r="N41" s="73">
        <v>4.5515720103984441</v>
      </c>
    </row>
    <row r="42" spans="1:14" ht="11.25" customHeight="1">
      <c r="A42" s="40"/>
      <c r="B42" s="70">
        <v>61</v>
      </c>
      <c r="C42" s="42"/>
      <c r="D42" s="43">
        <v>119944</v>
      </c>
      <c r="E42" s="43">
        <v>49040</v>
      </c>
      <c r="F42" s="43">
        <v>83036</v>
      </c>
      <c r="G42" s="43">
        <v>33996</v>
      </c>
      <c r="H42" s="43">
        <v>70904</v>
      </c>
      <c r="I42" s="43">
        <v>559606</v>
      </c>
      <c r="J42" s="43">
        <v>488702</v>
      </c>
      <c r="K42" s="71">
        <v>40.885746681784838</v>
      </c>
      <c r="L42" s="71">
        <v>59.114253318215169</v>
      </c>
      <c r="M42" s="72">
        <v>11.033199118842871</v>
      </c>
      <c r="N42" s="73">
        <v>4.5171327766773715</v>
      </c>
    </row>
    <row r="43" spans="1:14" ht="11.25" customHeight="1">
      <c r="A43" s="40"/>
      <c r="B43" s="70" t="s">
        <v>23</v>
      </c>
      <c r="C43" s="42"/>
      <c r="D43" s="43">
        <v>102260</v>
      </c>
      <c r="E43" s="43">
        <v>52583</v>
      </c>
      <c r="F43" s="43">
        <v>86202</v>
      </c>
      <c r="G43" s="43">
        <v>33619</v>
      </c>
      <c r="H43" s="43">
        <v>49677</v>
      </c>
      <c r="I43" s="43">
        <v>545369</v>
      </c>
      <c r="J43" s="43">
        <v>495692</v>
      </c>
      <c r="K43" s="71">
        <v>51.420887932720518</v>
      </c>
      <c r="L43" s="71">
        <v>48.579112067279482</v>
      </c>
      <c r="M43" s="72">
        <v>11.627944620972871</v>
      </c>
      <c r="N43" s="73">
        <v>4.5349280783797008</v>
      </c>
    </row>
    <row r="44" spans="1:14" ht="6" customHeight="1">
      <c r="A44" s="40"/>
      <c r="B44" s="70"/>
      <c r="C44" s="42"/>
      <c r="D44" s="43"/>
      <c r="E44" s="43"/>
      <c r="F44" s="43"/>
      <c r="G44" s="43"/>
      <c r="H44" s="43"/>
      <c r="I44" s="43"/>
      <c r="J44" s="43"/>
      <c r="K44" s="71"/>
      <c r="L44" s="71"/>
      <c r="M44" s="72"/>
      <c r="N44" s="73"/>
    </row>
    <row r="45" spans="1:14" ht="11.25" customHeight="1">
      <c r="A45" s="47"/>
      <c r="B45" s="74">
        <v>59</v>
      </c>
      <c r="C45" s="49"/>
      <c r="D45" s="50">
        <v>101415</v>
      </c>
      <c r="E45" s="50">
        <v>55972</v>
      </c>
      <c r="F45" s="50">
        <v>88786</v>
      </c>
      <c r="G45" s="50">
        <v>32814</v>
      </c>
      <c r="H45" s="50">
        <v>45443</v>
      </c>
      <c r="I45" s="50">
        <v>529376</v>
      </c>
      <c r="J45" s="50">
        <v>483933</v>
      </c>
      <c r="K45" s="75">
        <v>55.191046689345754</v>
      </c>
      <c r="L45" s="75">
        <v>44.808953310654246</v>
      </c>
      <c r="M45" s="76">
        <v>12.145736249590461</v>
      </c>
      <c r="N45" s="77">
        <v>4.4888855145412725</v>
      </c>
    </row>
    <row r="46" spans="1:14" ht="11.25" customHeight="1">
      <c r="A46" s="40"/>
      <c r="B46" s="70">
        <v>58</v>
      </c>
      <c r="C46" s="42"/>
      <c r="D46" s="43">
        <v>100535</v>
      </c>
      <c r="E46" s="43">
        <v>58352</v>
      </c>
      <c r="F46" s="43">
        <v>90597</v>
      </c>
      <c r="G46" s="43">
        <v>32245</v>
      </c>
      <c r="H46" s="43">
        <v>42183</v>
      </c>
      <c r="I46" s="43">
        <v>530510</v>
      </c>
      <c r="J46" s="43">
        <v>488327</v>
      </c>
      <c r="K46" s="71">
        <v>58.041478092206702</v>
      </c>
      <c r="L46" s="71">
        <v>41.958521907793305</v>
      </c>
      <c r="M46" s="72">
        <v>12.562638474395913</v>
      </c>
      <c r="N46" s="73">
        <v>4.4712548716502338</v>
      </c>
    </row>
    <row r="47" spans="1:14" ht="11.25" customHeight="1">
      <c r="A47" s="40"/>
      <c r="B47" s="70">
        <v>57</v>
      </c>
      <c r="C47" s="42"/>
      <c r="D47" s="43">
        <v>103483</v>
      </c>
      <c r="E47" s="43">
        <v>60339</v>
      </c>
      <c r="F47" s="43">
        <v>90554</v>
      </c>
      <c r="G47" s="43">
        <v>30215</v>
      </c>
      <c r="H47" s="43">
        <v>43144</v>
      </c>
      <c r="I47" s="43">
        <v>542446</v>
      </c>
      <c r="J47" s="43">
        <v>499302</v>
      </c>
      <c r="K47" s="71">
        <v>58.308127905066534</v>
      </c>
      <c r="L47" s="71">
        <v>41.691872094933466</v>
      </c>
      <c r="M47" s="72">
        <v>12.735100239305238</v>
      </c>
      <c r="N47" s="73">
        <v>4.2492993543146378</v>
      </c>
    </row>
    <row r="48" spans="1:14" ht="11.25" customHeight="1">
      <c r="A48" s="40"/>
      <c r="B48" s="70">
        <v>56</v>
      </c>
      <c r="C48" s="42"/>
      <c r="D48" s="43">
        <v>100986</v>
      </c>
      <c r="E48" s="43">
        <v>62127</v>
      </c>
      <c r="F48" s="43">
        <v>92348</v>
      </c>
      <c r="G48" s="43">
        <v>30221</v>
      </c>
      <c r="H48" s="43">
        <v>38859</v>
      </c>
      <c r="I48" s="43">
        <v>540831</v>
      </c>
      <c r="J48" s="43">
        <v>501972</v>
      </c>
      <c r="K48" s="71">
        <v>61.520408769532409</v>
      </c>
      <c r="L48" s="71">
        <v>38.479591230467591</v>
      </c>
      <c r="M48" s="72">
        <v>13.183497415635923</v>
      </c>
      <c r="N48" s="73">
        <v>4.3143162320562789</v>
      </c>
    </row>
    <row r="49" spans="1:14" ht="11.25" customHeight="1">
      <c r="A49" s="40"/>
      <c r="B49" s="70" t="s">
        <v>24</v>
      </c>
      <c r="C49" s="42"/>
      <c r="D49" s="43">
        <v>86534</v>
      </c>
      <c r="E49" s="43">
        <v>64640</v>
      </c>
      <c r="F49" s="43">
        <v>94274</v>
      </c>
      <c r="G49" s="43">
        <v>29634</v>
      </c>
      <c r="H49" s="43">
        <v>21894</v>
      </c>
      <c r="I49" s="43">
        <v>549403</v>
      </c>
      <c r="J49" s="43">
        <v>527509</v>
      </c>
      <c r="K49" s="71">
        <v>74.698962257609722</v>
      </c>
      <c r="L49" s="71">
        <v>25.301037742390275</v>
      </c>
      <c r="M49" s="72">
        <v>13.642075602862413</v>
      </c>
      <c r="N49" s="73">
        <v>4.2882371429580246</v>
      </c>
    </row>
    <row r="50" spans="1:14" ht="6" customHeight="1">
      <c r="A50" s="40"/>
      <c r="B50" s="70"/>
      <c r="C50" s="42"/>
      <c r="D50" s="43"/>
      <c r="E50" s="43"/>
      <c r="F50" s="43"/>
      <c r="G50" s="43"/>
      <c r="H50" s="43"/>
      <c r="I50" s="43"/>
      <c r="J50" s="43"/>
      <c r="K50" s="71"/>
      <c r="L50" s="71"/>
      <c r="M50" s="72"/>
      <c r="N50" s="73"/>
    </row>
    <row r="51" spans="1:14" ht="11.25" customHeight="1">
      <c r="A51" s="47"/>
      <c r="B51" s="74">
        <v>54</v>
      </c>
      <c r="C51" s="49"/>
      <c r="D51" s="50">
        <v>97817</v>
      </c>
      <c r="E51" s="50">
        <v>71989</v>
      </c>
      <c r="F51" s="50">
        <v>99947</v>
      </c>
      <c r="G51" s="50">
        <v>27958</v>
      </c>
      <c r="H51" s="50">
        <v>25828</v>
      </c>
      <c r="I51" s="50">
        <v>572868</v>
      </c>
      <c r="J51" s="50">
        <v>547040</v>
      </c>
      <c r="K51" s="75">
        <v>73.595591768302043</v>
      </c>
      <c r="L51" s="75">
        <v>26.404408231697968</v>
      </c>
      <c r="M51" s="76">
        <v>14.659486358421486</v>
      </c>
      <c r="N51" s="77">
        <v>4.1006725525403258</v>
      </c>
    </row>
    <row r="52" spans="1:14" ht="11.25" customHeight="1">
      <c r="A52" s="40"/>
      <c r="B52" s="70">
        <v>53</v>
      </c>
      <c r="C52" s="42"/>
      <c r="D52" s="43">
        <v>112529</v>
      </c>
      <c r="E52" s="43">
        <v>76221</v>
      </c>
      <c r="F52" s="43">
        <v>104017</v>
      </c>
      <c r="G52" s="43">
        <v>27796</v>
      </c>
      <c r="H52" s="43">
        <v>36308</v>
      </c>
      <c r="I52" s="43">
        <v>577221</v>
      </c>
      <c r="J52" s="43">
        <v>540913</v>
      </c>
      <c r="K52" s="71">
        <v>67.734539540918334</v>
      </c>
      <c r="L52" s="71">
        <v>32.265460459081659</v>
      </c>
      <c r="M52" s="72">
        <v>15.501116121491602</v>
      </c>
      <c r="N52" s="73">
        <v>4.1422942760604569</v>
      </c>
    </row>
    <row r="53" spans="1:14" ht="11.25" customHeight="1">
      <c r="A53" s="40"/>
      <c r="B53" s="70">
        <v>52</v>
      </c>
      <c r="C53" s="42"/>
      <c r="D53" s="43">
        <v>112020</v>
      </c>
      <c r="E53" s="43">
        <v>81332</v>
      </c>
      <c r="F53" s="43">
        <v>108145</v>
      </c>
      <c r="G53" s="43">
        <v>26813</v>
      </c>
      <c r="H53" s="43">
        <v>30688</v>
      </c>
      <c r="I53" s="43">
        <v>580079</v>
      </c>
      <c r="J53" s="43">
        <v>549391</v>
      </c>
      <c r="K53" s="71">
        <v>72.604891983574362</v>
      </c>
      <c r="L53" s="71">
        <v>27.395108016425638</v>
      </c>
      <c r="M53" s="72">
        <v>16.385407449606671</v>
      </c>
      <c r="N53" s="73">
        <v>4.0625265148301235</v>
      </c>
    </row>
    <row r="54" spans="1:14" ht="11.25" customHeight="1">
      <c r="A54" s="40"/>
      <c r="B54" s="70">
        <v>51</v>
      </c>
      <c r="C54" s="42"/>
      <c r="D54" s="43">
        <v>113349</v>
      </c>
      <c r="E54" s="43">
        <v>87123</v>
      </c>
      <c r="F54" s="43">
        <v>113644</v>
      </c>
      <c r="G54" s="43">
        <v>26521</v>
      </c>
      <c r="H54" s="43">
        <v>26226</v>
      </c>
      <c r="I54" s="43">
        <v>582766</v>
      </c>
      <c r="J54" s="43">
        <v>556540</v>
      </c>
      <c r="K54" s="71">
        <v>76.86261016859433</v>
      </c>
      <c r="L54" s="71">
        <v>23.13738983140566</v>
      </c>
      <c r="M54" s="72">
        <v>17.509671272269195</v>
      </c>
      <c r="N54" s="73">
        <v>4.0862165341931931</v>
      </c>
    </row>
    <row r="55" spans="1:14" ht="11.25" customHeight="1">
      <c r="A55" s="40"/>
      <c r="B55" s="70" t="s">
        <v>25</v>
      </c>
      <c r="C55" s="42"/>
      <c r="D55" s="43">
        <v>125327</v>
      </c>
      <c r="E55" s="43">
        <v>90784</v>
      </c>
      <c r="F55" s="43">
        <v>117269</v>
      </c>
      <c r="G55" s="43">
        <v>26485</v>
      </c>
      <c r="H55" s="43">
        <v>34543</v>
      </c>
      <c r="I55" s="43">
        <v>607335</v>
      </c>
      <c r="J55" s="43">
        <v>572792</v>
      </c>
      <c r="K55" s="71">
        <v>72.437702969033012</v>
      </c>
      <c r="L55" s="71">
        <v>27.562297030966992</v>
      </c>
      <c r="M55" s="72">
        <v>18.393587865618223</v>
      </c>
      <c r="N55" s="73">
        <v>4.1541598770425141</v>
      </c>
    </row>
    <row r="56" spans="1:14" ht="6" customHeight="1">
      <c r="A56" s="40"/>
      <c r="B56" s="70"/>
      <c r="C56" s="42"/>
      <c r="D56" s="43"/>
      <c r="E56" s="43"/>
      <c r="F56" s="43"/>
      <c r="G56" s="43"/>
      <c r="H56" s="43"/>
      <c r="I56" s="43"/>
      <c r="J56" s="43"/>
      <c r="K56" s="71"/>
      <c r="L56" s="71"/>
      <c r="M56" s="72"/>
      <c r="N56" s="73"/>
    </row>
    <row r="57" spans="1:14" ht="11.25" customHeight="1">
      <c r="A57" s="47"/>
      <c r="B57" s="74">
        <v>49</v>
      </c>
      <c r="C57" s="49"/>
      <c r="D57" s="50">
        <v>157902</v>
      </c>
      <c r="E57" s="50">
        <v>101799</v>
      </c>
      <c r="F57" s="50">
        <v>128524</v>
      </c>
      <c r="G57" s="50">
        <v>26725</v>
      </c>
      <c r="H57" s="50">
        <v>56103</v>
      </c>
      <c r="I57" s="50">
        <v>658495</v>
      </c>
      <c r="J57" s="50">
        <v>602392</v>
      </c>
      <c r="K57" s="75">
        <v>64.469734392217958</v>
      </c>
      <c r="L57" s="75">
        <v>35.530265607782042</v>
      </c>
      <c r="M57" s="76">
        <v>20.61722376515063</v>
      </c>
      <c r="N57" s="77">
        <v>4.2871005035919403</v>
      </c>
    </row>
    <row r="58" spans="1:14" ht="11.25" customHeight="1">
      <c r="A58" s="40"/>
      <c r="B58" s="70">
        <v>48</v>
      </c>
      <c r="C58" s="42"/>
      <c r="D58" s="43">
        <v>179906</v>
      </c>
      <c r="E58" s="43">
        <v>108371</v>
      </c>
      <c r="F58" s="43">
        <v>134217</v>
      </c>
      <c r="G58" s="43">
        <v>25846</v>
      </c>
      <c r="H58" s="43">
        <v>71535</v>
      </c>
      <c r="I58" s="43">
        <v>700624</v>
      </c>
      <c r="J58" s="43">
        <v>629089</v>
      </c>
      <c r="K58" s="71">
        <v>60.237568507998617</v>
      </c>
      <c r="L58" s="71">
        <v>39.762431492001376</v>
      </c>
      <c r="M58" s="72">
        <v>22.127612009320117</v>
      </c>
      <c r="N58" s="73">
        <v>4.2610865985149999</v>
      </c>
    </row>
    <row r="59" spans="1:14" ht="11.25" customHeight="1">
      <c r="A59" s="40"/>
      <c r="B59" s="70">
        <v>47</v>
      </c>
      <c r="C59" s="42"/>
      <c r="D59" s="43">
        <v>199934</v>
      </c>
      <c r="E59" s="43">
        <v>106384</v>
      </c>
      <c r="F59" s="43">
        <v>131361</v>
      </c>
      <c r="G59" s="43">
        <v>24977</v>
      </c>
      <c r="H59" s="43">
        <v>93550</v>
      </c>
      <c r="I59" s="43">
        <v>701526</v>
      </c>
      <c r="J59" s="43">
        <v>607976</v>
      </c>
      <c r="K59" s="71">
        <v>53.209559154520988</v>
      </c>
      <c r="L59" s="71">
        <v>46.790440845479012</v>
      </c>
      <c r="M59" s="72">
        <v>22.331365980354121</v>
      </c>
      <c r="N59" s="73">
        <v>4.2460892357039377</v>
      </c>
    </row>
    <row r="60" spans="1:14" ht="11.25" customHeight="1">
      <c r="A60" s="40"/>
      <c r="B60" s="70">
        <v>46</v>
      </c>
      <c r="C60" s="42"/>
      <c r="D60" s="43">
        <v>233876</v>
      </c>
      <c r="E60" s="43">
        <v>102700</v>
      </c>
      <c r="F60" s="43">
        <v>126635</v>
      </c>
      <c r="G60" s="43">
        <v>23935</v>
      </c>
      <c r="H60" s="43">
        <v>131176</v>
      </c>
      <c r="I60" s="43">
        <v>714259</v>
      </c>
      <c r="J60" s="43">
        <v>583083</v>
      </c>
      <c r="K60" s="71">
        <v>43.912158579760217</v>
      </c>
      <c r="L60" s="71">
        <v>56.087841420239783</v>
      </c>
      <c r="M60" s="72">
        <v>22.334983301894862</v>
      </c>
      <c r="N60" s="73">
        <v>4.2214855713732664</v>
      </c>
    </row>
    <row r="61" spans="1:14" ht="11.25" customHeight="1">
      <c r="A61" s="40"/>
      <c r="B61" s="70" t="s">
        <v>26</v>
      </c>
      <c r="C61" s="42"/>
      <c r="D61" s="43">
        <v>231476</v>
      </c>
      <c r="E61" s="43">
        <v>97696</v>
      </c>
      <c r="F61" s="43">
        <v>120706</v>
      </c>
      <c r="G61" s="43">
        <v>23010</v>
      </c>
      <c r="H61" s="43">
        <v>133780</v>
      </c>
      <c r="I61" s="43">
        <v>770448</v>
      </c>
      <c r="J61" s="43">
        <v>636668</v>
      </c>
      <c r="K61" s="71">
        <v>42.205671430299468</v>
      </c>
      <c r="L61" s="71">
        <v>57.794328569700525</v>
      </c>
      <c r="M61" s="72">
        <v>22.20187509150691</v>
      </c>
      <c r="N61" s="73">
        <v>4.2323094614648316</v>
      </c>
    </row>
    <row r="62" spans="1:14" ht="6" customHeight="1">
      <c r="A62" s="40"/>
      <c r="B62" s="70"/>
      <c r="C62" s="42"/>
      <c r="D62" s="43"/>
      <c r="E62" s="43"/>
      <c r="F62" s="43"/>
      <c r="G62" s="43"/>
      <c r="H62" s="43"/>
      <c r="I62" s="43"/>
      <c r="J62" s="43"/>
      <c r="K62" s="71"/>
      <c r="L62" s="71"/>
      <c r="M62" s="72"/>
      <c r="N62" s="73"/>
    </row>
    <row r="63" spans="1:14" ht="11.25" customHeight="1">
      <c r="A63" s="47"/>
      <c r="B63" s="74">
        <v>44</v>
      </c>
      <c r="C63" s="49"/>
      <c r="D63" s="50">
        <v>219526</v>
      </c>
      <c r="E63" s="50">
        <v>90246</v>
      </c>
      <c r="F63" s="50">
        <v>111300</v>
      </c>
      <c r="G63" s="50">
        <v>21054</v>
      </c>
      <c r="H63" s="50">
        <v>129280</v>
      </c>
      <c r="I63" s="50">
        <v>728289</v>
      </c>
      <c r="J63" s="50">
        <v>599009</v>
      </c>
      <c r="K63" s="75">
        <v>41.109481337062583</v>
      </c>
      <c r="L63" s="75">
        <v>58.890518662937417</v>
      </c>
      <c r="M63" s="76">
        <v>21.369449559075104</v>
      </c>
      <c r="N63" s="77">
        <v>4.0423395419296249</v>
      </c>
    </row>
    <row r="64" spans="1:14" ht="11.25" customHeight="1">
      <c r="A64" s="40"/>
      <c r="B64" s="70">
        <v>43</v>
      </c>
      <c r="C64" s="42"/>
      <c r="D64" s="43">
        <v>227639</v>
      </c>
      <c r="E64" s="43">
        <v>86018</v>
      </c>
      <c r="F64" s="43">
        <v>106834</v>
      </c>
      <c r="G64" s="43">
        <v>20816</v>
      </c>
      <c r="H64" s="43">
        <v>141621</v>
      </c>
      <c r="I64" s="43">
        <v>692357</v>
      </c>
      <c r="J64" s="43">
        <v>550736</v>
      </c>
      <c r="K64" s="71">
        <v>37.787022434644328</v>
      </c>
      <c r="L64" s="71">
        <v>62.212977565355679</v>
      </c>
      <c r="M64" s="72">
        <v>21.449147567340535</v>
      </c>
      <c r="N64" s="73">
        <v>4.1792449572398356</v>
      </c>
    </row>
    <row r="65" spans="1:14" ht="11.25" customHeight="1">
      <c r="A65" s="40"/>
      <c r="B65" s="70">
        <v>42</v>
      </c>
      <c r="C65" s="42"/>
      <c r="D65" s="43">
        <v>207214</v>
      </c>
      <c r="E65" s="43">
        <v>85699</v>
      </c>
      <c r="F65" s="43">
        <v>105413</v>
      </c>
      <c r="G65" s="43">
        <v>19714</v>
      </c>
      <c r="H65" s="43">
        <v>121515</v>
      </c>
      <c r="I65" s="43">
        <v>624117</v>
      </c>
      <c r="J65" s="43">
        <v>502602</v>
      </c>
      <c r="K65" s="71">
        <v>41.357726794521604</v>
      </c>
      <c r="L65" s="71">
        <v>58.642273205478389</v>
      </c>
      <c r="M65" s="72">
        <v>22.105802434987282</v>
      </c>
      <c r="N65" s="73">
        <v>4.1341560263282453</v>
      </c>
    </row>
    <row r="66" spans="1:14" ht="11.25" customHeight="1">
      <c r="A66" s="40"/>
      <c r="B66" s="70">
        <v>41</v>
      </c>
      <c r="C66" s="42"/>
      <c r="D66" s="43">
        <v>164190</v>
      </c>
      <c r="E66" s="43">
        <v>55394</v>
      </c>
      <c r="F66" s="43">
        <v>74176</v>
      </c>
      <c r="G66" s="43">
        <v>18782</v>
      </c>
      <c r="H66" s="43">
        <v>108796</v>
      </c>
      <c r="I66" s="43">
        <v>606898</v>
      </c>
      <c r="J66" s="43">
        <v>498102</v>
      </c>
      <c r="K66" s="71">
        <v>33.737742858883003</v>
      </c>
      <c r="L66" s="71">
        <v>66.262257141117004</v>
      </c>
      <c r="M66" s="72">
        <v>16.224050071981974</v>
      </c>
      <c r="N66" s="73">
        <v>4.108068761485729</v>
      </c>
    </row>
    <row r="67" spans="1:14" ht="11.25" customHeight="1">
      <c r="A67" s="40"/>
      <c r="B67" s="70" t="s">
        <v>27</v>
      </c>
      <c r="C67" s="42"/>
      <c r="D67" s="43">
        <v>219486</v>
      </c>
      <c r="E67" s="43">
        <v>73843</v>
      </c>
      <c r="F67" s="43">
        <v>91899</v>
      </c>
      <c r="G67" s="43">
        <v>18056</v>
      </c>
      <c r="H67" s="43">
        <v>145643</v>
      </c>
      <c r="I67" s="43">
        <v>622019</v>
      </c>
      <c r="J67" s="43">
        <v>476376</v>
      </c>
      <c r="K67" s="71">
        <v>33.643603692262829</v>
      </c>
      <c r="L67" s="71">
        <v>66.356396307737171</v>
      </c>
      <c r="M67" s="72">
        <v>20.92497597244704</v>
      </c>
      <c r="N67" s="73">
        <v>4.1112674366261199</v>
      </c>
    </row>
    <row r="68" spans="1:14" ht="6" customHeight="1">
      <c r="A68" s="40"/>
      <c r="B68" s="70"/>
      <c r="C68" s="42"/>
      <c r="D68" s="43"/>
      <c r="E68" s="43"/>
      <c r="F68" s="43"/>
      <c r="G68" s="43"/>
      <c r="H68" s="43"/>
      <c r="I68" s="43"/>
      <c r="J68" s="43"/>
      <c r="K68" s="71"/>
      <c r="L68" s="71"/>
      <c r="M68" s="72"/>
      <c r="N68" s="73"/>
    </row>
    <row r="69" spans="1:14" s="3" customFormat="1" ht="11.25" customHeight="1">
      <c r="A69" s="47"/>
      <c r="B69" s="74">
        <v>39</v>
      </c>
      <c r="C69" s="49"/>
      <c r="D69" s="50">
        <v>230897</v>
      </c>
      <c r="E69" s="50">
        <v>63494</v>
      </c>
      <c r="F69" s="50">
        <v>79361</v>
      </c>
      <c r="G69" s="50">
        <v>15867</v>
      </c>
      <c r="H69" s="50">
        <v>167403</v>
      </c>
      <c r="I69" s="50">
        <v>606259</v>
      </c>
      <c r="J69" s="50">
        <v>438856</v>
      </c>
      <c r="K69" s="75">
        <v>27.498841474770135</v>
      </c>
      <c r="L69" s="75">
        <v>72.501158525229869</v>
      </c>
      <c r="M69" s="76">
        <v>19.135522204376663</v>
      </c>
      <c r="N69" s="77">
        <v>3.8258506170139559</v>
      </c>
    </row>
    <row r="70" spans="1:14" s="3" customFormat="1" ht="11.25" customHeight="1">
      <c r="A70" s="40"/>
      <c r="B70" s="70">
        <v>38</v>
      </c>
      <c r="C70" s="42"/>
      <c r="D70" s="43">
        <v>187535</v>
      </c>
      <c r="E70" s="43">
        <v>54670</v>
      </c>
      <c r="F70" s="43">
        <v>70137</v>
      </c>
      <c r="G70" s="43">
        <v>15467</v>
      </c>
      <c r="H70" s="43">
        <v>132865</v>
      </c>
      <c r="I70" s="43">
        <v>502670</v>
      </c>
      <c r="J70" s="43">
        <v>369805</v>
      </c>
      <c r="K70" s="71">
        <v>29.15189164689258</v>
      </c>
      <c r="L70" s="71">
        <v>70.84810835310742</v>
      </c>
      <c r="M70" s="72">
        <v>17.79474730580975</v>
      </c>
      <c r="N70" s="73">
        <v>3.9241963097788521</v>
      </c>
    </row>
    <row r="71" spans="1:14" s="3" customFormat="1" ht="11.25" customHeight="1">
      <c r="A71" s="40"/>
      <c r="B71" s="70">
        <v>37</v>
      </c>
      <c r="C71" s="42"/>
      <c r="D71" s="43">
        <v>192971</v>
      </c>
      <c r="E71" s="43">
        <v>47778</v>
      </c>
      <c r="F71" s="43">
        <v>64329</v>
      </c>
      <c r="G71" s="43">
        <v>16551</v>
      </c>
      <c r="H71" s="43">
        <v>145193</v>
      </c>
      <c r="I71" s="43">
        <v>463974</v>
      </c>
      <c r="J71" s="43">
        <v>318781</v>
      </c>
      <c r="K71" s="71">
        <v>24.759160702903547</v>
      </c>
      <c r="L71" s="71">
        <v>75.240839297096457</v>
      </c>
      <c r="M71" s="72">
        <v>17.135979963937434</v>
      </c>
      <c r="N71" s="73">
        <v>4.4088607685978083</v>
      </c>
    </row>
    <row r="72" spans="1:14" s="3" customFormat="1" ht="6" customHeight="1" thickBot="1">
      <c r="A72" s="54"/>
      <c r="B72" s="55"/>
      <c r="C72" s="55"/>
      <c r="D72" s="78"/>
      <c r="E72" s="78"/>
      <c r="F72" s="78"/>
      <c r="G72" s="78"/>
      <c r="H72" s="78"/>
      <c r="I72" s="78"/>
      <c r="J72" s="78"/>
      <c r="K72" s="79"/>
      <c r="L72" s="79"/>
      <c r="M72" s="80"/>
      <c r="N72" s="81"/>
    </row>
    <row r="73" spans="1:14" s="3" customFormat="1" ht="11.25" customHeight="1">
      <c r="A73" s="194" t="s">
        <v>39</v>
      </c>
      <c r="B73" s="194"/>
      <c r="C73" s="194"/>
      <c r="D73" s="194"/>
      <c r="E73" s="194"/>
      <c r="F73" s="194"/>
      <c r="G73" s="194"/>
      <c r="H73" s="194"/>
      <c r="I73" s="194"/>
      <c r="J73" s="194"/>
      <c r="K73" s="194"/>
      <c r="L73" s="194"/>
      <c r="M73" s="194"/>
      <c r="N73" s="194"/>
    </row>
    <row r="74" spans="1:14" ht="11.25" customHeight="1">
      <c r="A74" s="217" t="s">
        <v>40</v>
      </c>
      <c r="B74" s="217"/>
      <c r="C74" s="217"/>
      <c r="D74" s="217"/>
      <c r="E74" s="217"/>
      <c r="F74" s="217"/>
      <c r="G74" s="217"/>
      <c r="H74" s="217"/>
      <c r="I74" s="217"/>
      <c r="J74" s="217"/>
      <c r="K74" s="217"/>
      <c r="L74" s="217"/>
      <c r="M74" s="217"/>
      <c r="N74" s="217"/>
    </row>
    <row r="75" spans="1:14" ht="11.25" customHeight="1">
      <c r="A75" s="217" t="s">
        <v>41</v>
      </c>
      <c r="B75" s="217"/>
      <c r="C75" s="217"/>
      <c r="D75" s="217"/>
      <c r="E75" s="217"/>
      <c r="F75" s="217"/>
      <c r="G75" s="217"/>
      <c r="H75" s="217"/>
      <c r="I75" s="217"/>
      <c r="J75" s="217"/>
      <c r="K75" s="217"/>
      <c r="L75" s="217"/>
      <c r="M75" s="217"/>
      <c r="N75" s="217"/>
    </row>
  </sheetData>
  <mergeCells count="12">
    <mergeCell ref="A73:N73"/>
    <mergeCell ref="A74:N74"/>
    <mergeCell ref="A75:N75"/>
    <mergeCell ref="A1:N1"/>
    <mergeCell ref="A2:C2"/>
    <mergeCell ref="A3:C4"/>
    <mergeCell ref="D3:D4"/>
    <mergeCell ref="E3:G3"/>
    <mergeCell ref="H3:J3"/>
    <mergeCell ref="K3:L3"/>
    <mergeCell ref="M3:M4"/>
    <mergeCell ref="N3:N4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62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6.875" style="3" customWidth="1"/>
    <col min="3" max="3" width="1.25" style="3" customWidth="1"/>
    <col min="4" max="11" width="8.75" style="3" customWidth="1"/>
    <col min="12" max="18" width="6.875" style="3" customWidth="1"/>
  </cols>
  <sheetData>
    <row r="1" spans="1:18" ht="17.25" customHeight="1">
      <c r="A1" s="195" t="s">
        <v>42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18" ht="13.5" customHeight="1" thickBot="1">
      <c r="A2" s="196" t="s">
        <v>43</v>
      </c>
      <c r="B2" s="196"/>
      <c r="C2" s="196"/>
      <c r="K2" s="4"/>
    </row>
    <row r="3" spans="1:18" ht="13.5" customHeight="1">
      <c r="A3" s="197" t="s">
        <v>2</v>
      </c>
      <c r="B3" s="198"/>
      <c r="C3" s="198"/>
      <c r="D3" s="206" t="s">
        <v>44</v>
      </c>
      <c r="E3" s="224"/>
      <c r="F3" s="224"/>
      <c r="G3" s="225"/>
      <c r="H3" s="206" t="s">
        <v>45</v>
      </c>
      <c r="I3" s="224"/>
      <c r="J3" s="224"/>
      <c r="K3" s="226"/>
    </row>
    <row r="4" spans="1:18" ht="13.5" customHeight="1">
      <c r="A4" s="201"/>
      <c r="B4" s="202"/>
      <c r="C4" s="202"/>
      <c r="D4" s="9" t="s">
        <v>46</v>
      </c>
      <c r="E4" s="9" t="s">
        <v>47</v>
      </c>
      <c r="F4" s="9" t="s">
        <v>48</v>
      </c>
      <c r="G4" s="9" t="s">
        <v>49</v>
      </c>
      <c r="H4" s="9" t="s">
        <v>46</v>
      </c>
      <c r="I4" s="9" t="s">
        <v>47</v>
      </c>
      <c r="J4" s="9" t="s">
        <v>48</v>
      </c>
      <c r="K4" s="82" t="s">
        <v>49</v>
      </c>
    </row>
    <row r="5" spans="1:18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0</v>
      </c>
      <c r="H5" s="14" t="s">
        <v>10</v>
      </c>
      <c r="I5" s="14" t="s">
        <v>10</v>
      </c>
      <c r="J5" s="14" t="s">
        <v>10</v>
      </c>
      <c r="K5" s="16" t="s">
        <v>10</v>
      </c>
    </row>
    <row r="6" spans="1:18" ht="9.75" customHeight="1">
      <c r="A6" s="17"/>
      <c r="B6" s="18" t="s">
        <v>38</v>
      </c>
      <c r="C6" s="19"/>
      <c r="D6" s="62">
        <v>486889</v>
      </c>
      <c r="E6" s="62">
        <v>259314</v>
      </c>
      <c r="F6" s="62">
        <v>216791</v>
      </c>
      <c r="G6" s="62">
        <v>10784</v>
      </c>
      <c r="H6" s="62">
        <v>462172</v>
      </c>
      <c r="I6" s="62">
        <v>233261</v>
      </c>
      <c r="J6" s="62">
        <v>217581</v>
      </c>
      <c r="K6" s="83">
        <v>11330</v>
      </c>
    </row>
    <row r="7" spans="1:18" s="33" customFormat="1" ht="9.75" customHeight="1">
      <c r="A7" s="34"/>
      <c r="B7" s="66" t="s">
        <v>15</v>
      </c>
      <c r="C7" s="35"/>
      <c r="D7" s="28">
        <v>521832</v>
      </c>
      <c r="E7" s="28">
        <v>262018</v>
      </c>
      <c r="F7" s="28">
        <v>226485</v>
      </c>
      <c r="G7" s="28">
        <v>33329</v>
      </c>
      <c r="H7" s="28">
        <v>492649</v>
      </c>
      <c r="I7" s="28">
        <v>237337</v>
      </c>
      <c r="J7" s="28">
        <v>227223</v>
      </c>
      <c r="K7" s="84">
        <v>28089</v>
      </c>
      <c r="L7" s="32"/>
      <c r="M7" s="32"/>
      <c r="N7" s="32"/>
      <c r="O7" s="32"/>
      <c r="P7" s="32"/>
      <c r="Q7" s="32"/>
      <c r="R7" s="32"/>
    </row>
    <row r="8" spans="1:18" ht="3.75" customHeight="1">
      <c r="A8" s="40"/>
      <c r="B8" s="70"/>
      <c r="C8" s="42"/>
      <c r="D8" s="85"/>
      <c r="E8" s="85"/>
      <c r="F8" s="85"/>
      <c r="G8" s="85"/>
      <c r="H8" s="85"/>
      <c r="I8" s="85"/>
      <c r="J8" s="85"/>
      <c r="K8" s="86"/>
    </row>
    <row r="9" spans="1:18" ht="9.75" customHeight="1">
      <c r="A9" s="47"/>
      <c r="B9" s="74">
        <v>26</v>
      </c>
      <c r="C9" s="49"/>
      <c r="D9" s="87">
        <v>478908</v>
      </c>
      <c r="E9" s="87">
        <v>241986</v>
      </c>
      <c r="F9" s="87">
        <v>217356</v>
      </c>
      <c r="G9" s="87">
        <v>19566</v>
      </c>
      <c r="H9" s="87">
        <v>462116</v>
      </c>
      <c r="I9" s="87">
        <v>229444</v>
      </c>
      <c r="J9" s="87">
        <v>218377</v>
      </c>
      <c r="K9" s="88">
        <v>14295</v>
      </c>
    </row>
    <row r="10" spans="1:18" ht="9.75" customHeight="1">
      <c r="A10" s="40"/>
      <c r="B10" s="70">
        <v>25</v>
      </c>
      <c r="C10" s="42"/>
      <c r="D10" s="85">
        <v>486505</v>
      </c>
      <c r="E10" s="85">
        <v>243151</v>
      </c>
      <c r="F10" s="85">
        <v>225349</v>
      </c>
      <c r="G10" s="85">
        <v>18005</v>
      </c>
      <c r="H10" s="85">
        <v>477310</v>
      </c>
      <c r="I10" s="85">
        <v>232820</v>
      </c>
      <c r="J10" s="85">
        <v>226205</v>
      </c>
      <c r="K10" s="86">
        <v>18285</v>
      </c>
    </row>
    <row r="11" spans="1:18" ht="9.75" customHeight="1">
      <c r="A11" s="40"/>
      <c r="B11" s="70">
        <v>24</v>
      </c>
      <c r="C11" s="42"/>
      <c r="D11" s="85">
        <v>487933</v>
      </c>
      <c r="E11" s="85">
        <v>247534</v>
      </c>
      <c r="F11" s="85">
        <v>226497</v>
      </c>
      <c r="G11" s="85">
        <v>13902</v>
      </c>
      <c r="H11" s="85">
        <v>480282</v>
      </c>
      <c r="I11" s="85">
        <v>241640</v>
      </c>
      <c r="J11" s="85">
        <v>227171</v>
      </c>
      <c r="K11" s="86">
        <v>11471</v>
      </c>
    </row>
    <row r="12" spans="1:18" ht="9.75" customHeight="1">
      <c r="A12" s="40"/>
      <c r="B12" s="70">
        <v>23</v>
      </c>
      <c r="C12" s="42"/>
      <c r="D12" s="85">
        <v>484175</v>
      </c>
      <c r="E12" s="85">
        <v>252086</v>
      </c>
      <c r="F12" s="85">
        <v>223613</v>
      </c>
      <c r="G12" s="85">
        <v>8476</v>
      </c>
      <c r="H12" s="85">
        <v>480916</v>
      </c>
      <c r="I12" s="85">
        <v>248853</v>
      </c>
      <c r="J12" s="85">
        <v>223991</v>
      </c>
      <c r="K12" s="86">
        <v>8072</v>
      </c>
    </row>
    <row r="13" spans="1:18" ht="9.75" customHeight="1">
      <c r="A13" s="40"/>
      <c r="B13" s="70" t="s">
        <v>16</v>
      </c>
      <c r="C13" s="42"/>
      <c r="D13" s="85">
        <v>530727</v>
      </c>
      <c r="E13" s="85">
        <v>262190</v>
      </c>
      <c r="F13" s="85">
        <v>231508</v>
      </c>
      <c r="G13" s="85">
        <v>37029</v>
      </c>
      <c r="H13" s="85">
        <v>499350</v>
      </c>
      <c r="I13" s="85">
        <v>250007</v>
      </c>
      <c r="J13" s="85">
        <v>231945</v>
      </c>
      <c r="K13" s="86">
        <v>17398</v>
      </c>
    </row>
    <row r="14" spans="1:18" ht="3.75" customHeight="1">
      <c r="A14" s="40"/>
      <c r="B14" s="70"/>
      <c r="C14" s="42"/>
      <c r="D14" s="85"/>
      <c r="E14" s="85"/>
      <c r="F14" s="85"/>
      <c r="G14" s="85"/>
      <c r="H14" s="85"/>
      <c r="I14" s="85"/>
      <c r="J14" s="85"/>
      <c r="K14" s="86"/>
    </row>
    <row r="15" spans="1:18" ht="9.75" customHeight="1">
      <c r="A15" s="47"/>
      <c r="B15" s="74">
        <v>21</v>
      </c>
      <c r="C15" s="49"/>
      <c r="D15" s="87">
        <v>520485</v>
      </c>
      <c r="E15" s="87">
        <v>279077</v>
      </c>
      <c r="F15" s="87">
        <v>233183</v>
      </c>
      <c r="G15" s="87">
        <v>8225</v>
      </c>
      <c r="H15" s="87">
        <v>493001</v>
      </c>
      <c r="I15" s="87">
        <v>252803</v>
      </c>
      <c r="J15" s="87">
        <v>233166</v>
      </c>
      <c r="K15" s="88">
        <v>7032</v>
      </c>
    </row>
    <row r="16" spans="1:18" ht="9.75" customHeight="1">
      <c r="A16" s="40"/>
      <c r="B16" s="70">
        <v>20</v>
      </c>
      <c r="C16" s="42"/>
      <c r="D16" s="85">
        <v>530261</v>
      </c>
      <c r="E16" s="85">
        <v>288158</v>
      </c>
      <c r="F16" s="85">
        <v>234520</v>
      </c>
      <c r="G16" s="85">
        <v>7583</v>
      </c>
      <c r="H16" s="85">
        <v>491592</v>
      </c>
      <c r="I16" s="85">
        <v>250397</v>
      </c>
      <c r="J16" s="85">
        <v>235355</v>
      </c>
      <c r="K16" s="86">
        <v>5840</v>
      </c>
    </row>
    <row r="17" spans="1:11" ht="9.75" customHeight="1">
      <c r="A17" s="40"/>
      <c r="B17" s="70">
        <v>19</v>
      </c>
      <c r="C17" s="42"/>
      <c r="D17" s="43">
        <v>549582</v>
      </c>
      <c r="E17" s="43">
        <v>295703</v>
      </c>
      <c r="F17" s="43">
        <v>245735</v>
      </c>
      <c r="G17" s="43">
        <v>8144</v>
      </c>
      <c r="H17" s="43">
        <v>506684</v>
      </c>
      <c r="I17" s="43">
        <v>254470</v>
      </c>
      <c r="J17" s="43">
        <v>245271</v>
      </c>
      <c r="K17" s="89">
        <v>6943</v>
      </c>
    </row>
    <row r="18" spans="1:11" ht="9.75" customHeight="1">
      <c r="A18" s="40"/>
      <c r="B18" s="70">
        <v>18</v>
      </c>
      <c r="C18" s="42"/>
      <c r="D18" s="43">
        <v>543598</v>
      </c>
      <c r="E18" s="43">
        <v>287052</v>
      </c>
      <c r="F18" s="43">
        <v>248133</v>
      </c>
      <c r="G18" s="43">
        <v>8413</v>
      </c>
      <c r="H18" s="43">
        <v>517900</v>
      </c>
      <c r="I18" s="43">
        <v>262166</v>
      </c>
      <c r="J18" s="43">
        <v>247837</v>
      </c>
      <c r="K18" s="89">
        <v>7897</v>
      </c>
    </row>
    <row r="19" spans="1:11" ht="9.75" customHeight="1">
      <c r="A19" s="40"/>
      <c r="B19" s="70" t="s">
        <v>17</v>
      </c>
      <c r="C19" s="42"/>
      <c r="D19" s="43">
        <v>568091</v>
      </c>
      <c r="E19" s="43">
        <v>287023</v>
      </c>
      <c r="F19" s="43">
        <v>250199</v>
      </c>
      <c r="G19" s="43">
        <v>30869</v>
      </c>
      <c r="H19" s="43">
        <v>533608</v>
      </c>
      <c r="I19" s="43">
        <v>258583</v>
      </c>
      <c r="J19" s="43">
        <v>250142</v>
      </c>
      <c r="K19" s="89">
        <v>24883</v>
      </c>
    </row>
    <row r="20" spans="1:11" ht="3.75" customHeight="1">
      <c r="A20" s="40"/>
      <c r="B20" s="70"/>
      <c r="C20" s="42"/>
      <c r="D20" s="43"/>
      <c r="E20" s="43"/>
      <c r="F20" s="43"/>
      <c r="G20" s="43"/>
      <c r="H20" s="43"/>
      <c r="I20" s="43"/>
      <c r="J20" s="43"/>
      <c r="K20" s="89"/>
    </row>
    <row r="21" spans="1:11" ht="9.75" customHeight="1">
      <c r="A21" s="47"/>
      <c r="B21" s="74">
        <v>16</v>
      </c>
      <c r="C21" s="49"/>
      <c r="D21" s="50">
        <v>558651</v>
      </c>
      <c r="E21" s="50">
        <v>289320</v>
      </c>
      <c r="F21" s="50">
        <v>260373</v>
      </c>
      <c r="G21" s="50">
        <v>8958</v>
      </c>
      <c r="H21" s="50">
        <v>532687</v>
      </c>
      <c r="I21" s="50">
        <v>264053</v>
      </c>
      <c r="J21" s="50">
        <v>259985</v>
      </c>
      <c r="K21" s="90">
        <v>8649</v>
      </c>
    </row>
    <row r="22" spans="1:11" ht="9.75" customHeight="1">
      <c r="A22" s="40"/>
      <c r="B22" s="70">
        <v>15</v>
      </c>
      <c r="C22" s="42"/>
      <c r="D22" s="43">
        <v>574857</v>
      </c>
      <c r="E22" s="43">
        <v>297780</v>
      </c>
      <c r="F22" s="43">
        <v>268202</v>
      </c>
      <c r="G22" s="43">
        <v>8875</v>
      </c>
      <c r="H22" s="43">
        <v>543116</v>
      </c>
      <c r="I22" s="43">
        <v>266691</v>
      </c>
      <c r="J22" s="43">
        <v>267895</v>
      </c>
      <c r="K22" s="89">
        <v>8530</v>
      </c>
    </row>
    <row r="23" spans="1:11" ht="9.75" customHeight="1">
      <c r="A23" s="40"/>
      <c r="B23" s="70">
        <v>14</v>
      </c>
      <c r="C23" s="42"/>
      <c r="D23" s="43">
        <v>571871</v>
      </c>
      <c r="E23" s="43">
        <v>299871</v>
      </c>
      <c r="F23" s="43">
        <v>263201</v>
      </c>
      <c r="G23" s="43">
        <v>8799</v>
      </c>
      <c r="H23" s="43">
        <v>536760</v>
      </c>
      <c r="I23" s="43">
        <v>264764</v>
      </c>
      <c r="J23" s="43">
        <v>263120</v>
      </c>
      <c r="K23" s="89">
        <v>8876</v>
      </c>
    </row>
    <row r="24" spans="1:11" ht="9.75" customHeight="1">
      <c r="A24" s="40"/>
      <c r="B24" s="70">
        <v>13</v>
      </c>
      <c r="C24" s="42"/>
      <c r="D24" s="43">
        <v>583135</v>
      </c>
      <c r="E24" s="43">
        <v>302943</v>
      </c>
      <c r="F24" s="43">
        <v>270516</v>
      </c>
      <c r="G24" s="43">
        <v>9676</v>
      </c>
      <c r="H24" s="43">
        <v>542159</v>
      </c>
      <c r="I24" s="43">
        <v>264447</v>
      </c>
      <c r="J24" s="43">
        <v>268727</v>
      </c>
      <c r="K24" s="89">
        <v>8985</v>
      </c>
    </row>
    <row r="25" spans="1:11" ht="9.75" customHeight="1">
      <c r="A25" s="40"/>
      <c r="B25" s="70" t="s">
        <v>18</v>
      </c>
      <c r="C25" s="42"/>
      <c r="D25" s="43">
        <v>591245</v>
      </c>
      <c r="E25" s="43">
        <v>295433</v>
      </c>
      <c r="F25" s="43">
        <v>272866</v>
      </c>
      <c r="G25" s="43">
        <v>22946</v>
      </c>
      <c r="H25" s="43">
        <v>567138</v>
      </c>
      <c r="I25" s="43">
        <v>271142</v>
      </c>
      <c r="J25" s="43">
        <v>272746</v>
      </c>
      <c r="K25" s="89">
        <v>23250</v>
      </c>
    </row>
    <row r="26" spans="1:11" ht="3.75" customHeight="1">
      <c r="A26" s="40"/>
      <c r="B26" s="70"/>
      <c r="C26" s="42"/>
      <c r="D26" s="43"/>
      <c r="E26" s="43"/>
      <c r="F26" s="43"/>
      <c r="G26" s="43"/>
      <c r="H26" s="43"/>
      <c r="I26" s="43"/>
      <c r="J26" s="43"/>
      <c r="K26" s="89"/>
    </row>
    <row r="27" spans="1:11" ht="9.75" customHeight="1">
      <c r="A27" s="47"/>
      <c r="B27" s="74">
        <v>11</v>
      </c>
      <c r="C27" s="49"/>
      <c r="D27" s="50">
        <v>572124</v>
      </c>
      <c r="E27" s="50">
        <v>288677</v>
      </c>
      <c r="F27" s="50">
        <v>273476</v>
      </c>
      <c r="G27" s="50">
        <v>9971</v>
      </c>
      <c r="H27" s="50">
        <v>555694</v>
      </c>
      <c r="I27" s="50">
        <v>273315</v>
      </c>
      <c r="J27" s="50">
        <v>272713</v>
      </c>
      <c r="K27" s="90">
        <v>9666</v>
      </c>
    </row>
    <row r="28" spans="1:11" ht="9.75" customHeight="1">
      <c r="A28" s="40"/>
      <c r="B28" s="70">
        <v>10</v>
      </c>
      <c r="C28" s="42"/>
      <c r="D28" s="43">
        <v>574061</v>
      </c>
      <c r="E28" s="43">
        <v>296439</v>
      </c>
      <c r="F28" s="43">
        <v>267924</v>
      </c>
      <c r="G28" s="43">
        <v>9698</v>
      </c>
      <c r="H28" s="43">
        <v>551188</v>
      </c>
      <c r="I28" s="43">
        <v>274820</v>
      </c>
      <c r="J28" s="43">
        <v>267862</v>
      </c>
      <c r="K28" s="89">
        <v>8506</v>
      </c>
    </row>
    <row r="29" spans="1:11" ht="9.75" customHeight="1">
      <c r="A29" s="40"/>
      <c r="B29" s="70">
        <v>9</v>
      </c>
      <c r="C29" s="42"/>
      <c r="D29" s="43">
        <v>579491</v>
      </c>
      <c r="E29" s="43">
        <v>290805</v>
      </c>
      <c r="F29" s="43">
        <v>278709</v>
      </c>
      <c r="G29" s="43">
        <v>9977</v>
      </c>
      <c r="H29" s="43">
        <v>569355</v>
      </c>
      <c r="I29" s="43">
        <v>281724</v>
      </c>
      <c r="J29" s="43">
        <v>278382</v>
      </c>
      <c r="K29" s="89">
        <v>9249</v>
      </c>
    </row>
    <row r="30" spans="1:11" ht="9.75" customHeight="1">
      <c r="A30" s="40"/>
      <c r="B30" s="70">
        <v>8</v>
      </c>
      <c r="C30" s="42"/>
      <c r="D30" s="43">
        <v>590290</v>
      </c>
      <c r="E30" s="43">
        <v>288780</v>
      </c>
      <c r="F30" s="43">
        <v>291854</v>
      </c>
      <c r="G30" s="43">
        <v>9656</v>
      </c>
      <c r="H30" s="43">
        <v>584410</v>
      </c>
      <c r="I30" s="43">
        <v>284317</v>
      </c>
      <c r="J30" s="43">
        <v>291654</v>
      </c>
      <c r="K30" s="89">
        <v>8439</v>
      </c>
    </row>
    <row r="31" spans="1:11" ht="9.75" customHeight="1">
      <c r="A31" s="40"/>
      <c r="B31" s="70" t="s">
        <v>19</v>
      </c>
      <c r="C31" s="42"/>
      <c r="D31" s="43">
        <v>598915</v>
      </c>
      <c r="E31" s="43">
        <v>292865</v>
      </c>
      <c r="F31" s="43">
        <v>289539</v>
      </c>
      <c r="G31" s="43">
        <v>16511</v>
      </c>
      <c r="H31" s="43">
        <v>620394</v>
      </c>
      <c r="I31" s="43">
        <v>296667</v>
      </c>
      <c r="J31" s="43">
        <v>289404</v>
      </c>
      <c r="K31" s="89">
        <v>34323</v>
      </c>
    </row>
    <row r="32" spans="1:11" ht="3.75" customHeight="1">
      <c r="A32" s="40"/>
      <c r="B32" s="70"/>
      <c r="C32" s="42"/>
      <c r="D32" s="43"/>
      <c r="E32" s="43"/>
      <c r="F32" s="43"/>
      <c r="G32" s="43"/>
      <c r="H32" s="43"/>
      <c r="I32" s="43"/>
      <c r="J32" s="43"/>
      <c r="K32" s="89"/>
    </row>
    <row r="33" spans="1:11" ht="9.75" customHeight="1">
      <c r="A33" s="47"/>
      <c r="B33" s="74">
        <v>6</v>
      </c>
      <c r="C33" s="49"/>
      <c r="D33" s="50">
        <v>599910</v>
      </c>
      <c r="E33" s="50">
        <v>300458</v>
      </c>
      <c r="F33" s="50">
        <v>289764</v>
      </c>
      <c r="G33" s="50">
        <v>9688</v>
      </c>
      <c r="H33" s="50">
        <v>598188</v>
      </c>
      <c r="I33" s="50">
        <v>299738</v>
      </c>
      <c r="J33" s="50">
        <v>289907</v>
      </c>
      <c r="K33" s="90">
        <v>8543</v>
      </c>
    </row>
    <row r="34" spans="1:11" ht="9.75" customHeight="1">
      <c r="A34" s="40"/>
      <c r="B34" s="70">
        <v>5</v>
      </c>
      <c r="C34" s="42"/>
      <c r="D34" s="43">
        <v>597641</v>
      </c>
      <c r="E34" s="43">
        <v>311858</v>
      </c>
      <c r="F34" s="43">
        <v>274440</v>
      </c>
      <c r="G34" s="43">
        <v>11343</v>
      </c>
      <c r="H34" s="43">
        <v>585641</v>
      </c>
      <c r="I34" s="43">
        <v>301265</v>
      </c>
      <c r="J34" s="43">
        <v>274186</v>
      </c>
      <c r="K34" s="89">
        <v>10190</v>
      </c>
    </row>
    <row r="35" spans="1:11" ht="9.75" customHeight="1">
      <c r="A35" s="40"/>
      <c r="B35" s="70">
        <v>4</v>
      </c>
      <c r="C35" s="42"/>
      <c r="D35" s="43">
        <v>593602</v>
      </c>
      <c r="E35" s="43">
        <v>325927</v>
      </c>
      <c r="F35" s="43">
        <v>256613</v>
      </c>
      <c r="G35" s="43">
        <v>11062</v>
      </c>
      <c r="H35" s="43">
        <v>568327</v>
      </c>
      <c r="I35" s="43">
        <v>302113</v>
      </c>
      <c r="J35" s="43">
        <v>256228</v>
      </c>
      <c r="K35" s="89">
        <v>9986</v>
      </c>
    </row>
    <row r="36" spans="1:11" ht="9.75" customHeight="1">
      <c r="A36" s="40"/>
      <c r="B36" s="70">
        <v>3</v>
      </c>
      <c r="C36" s="42"/>
      <c r="D36" s="43">
        <v>596314</v>
      </c>
      <c r="E36" s="43">
        <v>332413</v>
      </c>
      <c r="F36" s="43">
        <v>247065</v>
      </c>
      <c r="G36" s="43">
        <v>16836</v>
      </c>
      <c r="H36" s="43">
        <v>551133</v>
      </c>
      <c r="I36" s="43">
        <v>290298</v>
      </c>
      <c r="J36" s="43">
        <v>245879</v>
      </c>
      <c r="K36" s="89">
        <v>14956</v>
      </c>
    </row>
    <row r="37" spans="1:11" ht="9.75" customHeight="1">
      <c r="A37" s="40"/>
      <c r="B37" s="70" t="s">
        <v>20</v>
      </c>
      <c r="C37" s="42"/>
      <c r="D37" s="43">
        <v>611876</v>
      </c>
      <c r="E37" s="43">
        <v>338253</v>
      </c>
      <c r="F37" s="43">
        <v>257607</v>
      </c>
      <c r="G37" s="43">
        <v>16016</v>
      </c>
      <c r="H37" s="43">
        <v>563477</v>
      </c>
      <c r="I37" s="43">
        <v>282760</v>
      </c>
      <c r="J37" s="43">
        <v>257829</v>
      </c>
      <c r="K37" s="89">
        <v>22888</v>
      </c>
    </row>
    <row r="38" spans="1:11" ht="3.75" customHeight="1">
      <c r="A38" s="40"/>
      <c r="B38" s="70"/>
      <c r="C38" s="42"/>
      <c r="D38" s="43"/>
      <c r="E38" s="43"/>
      <c r="F38" s="43"/>
      <c r="G38" s="43"/>
      <c r="H38" s="43"/>
      <c r="I38" s="43"/>
      <c r="J38" s="43"/>
      <c r="K38" s="89"/>
    </row>
    <row r="39" spans="1:11" ht="9.75" customHeight="1">
      <c r="A39" s="47"/>
      <c r="B39" s="74" t="s">
        <v>21</v>
      </c>
      <c r="C39" s="49"/>
      <c r="D39" s="50">
        <v>585529</v>
      </c>
      <c r="E39" s="50">
        <v>330799</v>
      </c>
      <c r="F39" s="50">
        <v>249728</v>
      </c>
      <c r="G39" s="50">
        <v>5002</v>
      </c>
      <c r="H39" s="50">
        <v>527593</v>
      </c>
      <c r="I39" s="50">
        <v>275182</v>
      </c>
      <c r="J39" s="50">
        <v>248368</v>
      </c>
      <c r="K39" s="90">
        <v>4043</v>
      </c>
    </row>
    <row r="40" spans="1:11" ht="9.75" customHeight="1">
      <c r="A40" s="40"/>
      <c r="B40" s="70" t="s">
        <v>22</v>
      </c>
      <c r="C40" s="42"/>
      <c r="D40" s="43">
        <v>568062</v>
      </c>
      <c r="E40" s="43">
        <v>321833</v>
      </c>
      <c r="F40" s="43">
        <v>241225</v>
      </c>
      <c r="G40" s="43">
        <v>5004</v>
      </c>
      <c r="H40" s="43">
        <v>506369</v>
      </c>
      <c r="I40" s="43">
        <v>262268</v>
      </c>
      <c r="J40" s="43">
        <v>240161</v>
      </c>
      <c r="K40" s="89">
        <v>3940</v>
      </c>
    </row>
    <row r="41" spans="1:11" ht="9.75" customHeight="1">
      <c r="A41" s="40"/>
      <c r="B41" s="70">
        <v>62</v>
      </c>
      <c r="C41" s="42"/>
      <c r="D41" s="43">
        <v>579558</v>
      </c>
      <c r="E41" s="43">
        <v>330722</v>
      </c>
      <c r="F41" s="43">
        <v>244002</v>
      </c>
      <c r="G41" s="43">
        <v>4834</v>
      </c>
      <c r="H41" s="43">
        <v>499323</v>
      </c>
      <c r="I41" s="43">
        <v>250839</v>
      </c>
      <c r="J41" s="43">
        <v>243009</v>
      </c>
      <c r="K41" s="89">
        <v>5475</v>
      </c>
    </row>
    <row r="42" spans="1:11" ht="9.75" customHeight="1">
      <c r="A42" s="40"/>
      <c r="B42" s="70">
        <v>61</v>
      </c>
      <c r="C42" s="42"/>
      <c r="D42" s="43">
        <v>559606</v>
      </c>
      <c r="E42" s="43">
        <v>314830</v>
      </c>
      <c r="F42" s="43">
        <v>239601</v>
      </c>
      <c r="G42" s="43">
        <v>5175</v>
      </c>
      <c r="H42" s="43">
        <v>488702</v>
      </c>
      <c r="I42" s="43">
        <v>243877</v>
      </c>
      <c r="J42" s="43">
        <v>239060</v>
      </c>
      <c r="K42" s="89">
        <v>5765</v>
      </c>
    </row>
    <row r="43" spans="1:11" ht="9.75" customHeight="1">
      <c r="A43" s="40"/>
      <c r="B43" s="70" t="s">
        <v>23</v>
      </c>
      <c r="C43" s="42"/>
      <c r="D43" s="43">
        <v>545369</v>
      </c>
      <c r="E43" s="43">
        <v>295339</v>
      </c>
      <c r="F43" s="43">
        <v>232391</v>
      </c>
      <c r="G43" s="43">
        <v>17639</v>
      </c>
      <c r="H43" s="43">
        <v>495692</v>
      </c>
      <c r="I43" s="43">
        <v>245842</v>
      </c>
      <c r="J43" s="43">
        <v>232202</v>
      </c>
      <c r="K43" s="89">
        <v>17648</v>
      </c>
    </row>
    <row r="44" spans="1:11" ht="3.75" customHeight="1">
      <c r="A44" s="40"/>
      <c r="B44" s="70"/>
      <c r="C44" s="42"/>
      <c r="D44" s="43"/>
      <c r="E44" s="43"/>
      <c r="F44" s="43"/>
      <c r="G44" s="43"/>
      <c r="H44" s="43"/>
      <c r="I44" s="43"/>
      <c r="J44" s="43"/>
      <c r="K44" s="89"/>
    </row>
    <row r="45" spans="1:11" ht="9.75" customHeight="1">
      <c r="A45" s="47"/>
      <c r="B45" s="74">
        <v>59</v>
      </c>
      <c r="C45" s="49"/>
      <c r="D45" s="50">
        <v>529376</v>
      </c>
      <c r="E45" s="50">
        <v>288534</v>
      </c>
      <c r="F45" s="50">
        <v>235049</v>
      </c>
      <c r="G45" s="50">
        <v>5793</v>
      </c>
      <c r="H45" s="50">
        <v>483933</v>
      </c>
      <c r="I45" s="50">
        <v>244380</v>
      </c>
      <c r="J45" s="50">
        <v>233493</v>
      </c>
      <c r="K45" s="90">
        <v>6060</v>
      </c>
    </row>
    <row r="46" spans="1:11" ht="9.75" customHeight="1">
      <c r="A46" s="40"/>
      <c r="B46" s="70">
        <v>58</v>
      </c>
      <c r="C46" s="42"/>
      <c r="D46" s="43">
        <v>530510</v>
      </c>
      <c r="E46" s="43">
        <v>287993</v>
      </c>
      <c r="F46" s="43">
        <v>238239</v>
      </c>
      <c r="G46" s="43">
        <v>4278</v>
      </c>
      <c r="H46" s="43">
        <v>488327</v>
      </c>
      <c r="I46" s="43">
        <v>245725</v>
      </c>
      <c r="J46" s="43">
        <v>237126</v>
      </c>
      <c r="K46" s="89">
        <v>5476</v>
      </c>
    </row>
    <row r="47" spans="1:11" ht="9.75" customHeight="1">
      <c r="A47" s="40"/>
      <c r="B47" s="70">
        <v>57</v>
      </c>
      <c r="C47" s="42"/>
      <c r="D47" s="43">
        <v>542446</v>
      </c>
      <c r="E47" s="43">
        <v>293527</v>
      </c>
      <c r="F47" s="43">
        <v>244652</v>
      </c>
      <c r="G47" s="43">
        <v>4267</v>
      </c>
      <c r="H47" s="43">
        <v>499302</v>
      </c>
      <c r="I47" s="43">
        <v>251341</v>
      </c>
      <c r="J47" s="43">
        <v>243678</v>
      </c>
      <c r="K47" s="89">
        <v>4283</v>
      </c>
    </row>
    <row r="48" spans="1:11" ht="9.75" customHeight="1">
      <c r="A48" s="40"/>
      <c r="B48" s="70">
        <v>56</v>
      </c>
      <c r="C48" s="42"/>
      <c r="D48" s="43">
        <v>540831</v>
      </c>
      <c r="E48" s="43">
        <v>291580</v>
      </c>
      <c r="F48" s="43">
        <v>245058</v>
      </c>
      <c r="G48" s="43">
        <v>4193</v>
      </c>
      <c r="H48" s="43">
        <v>501972</v>
      </c>
      <c r="I48" s="43">
        <v>253476</v>
      </c>
      <c r="J48" s="43">
        <v>243898</v>
      </c>
      <c r="K48" s="89">
        <v>4598</v>
      </c>
    </row>
    <row r="49" spans="1:21" ht="9.75" customHeight="1">
      <c r="A49" s="40"/>
      <c r="B49" s="70" t="s">
        <v>24</v>
      </c>
      <c r="C49" s="42"/>
      <c r="D49" s="43">
        <v>549403</v>
      </c>
      <c r="E49" s="43">
        <v>287154</v>
      </c>
      <c r="F49" s="43">
        <v>256153</v>
      </c>
      <c r="G49" s="43">
        <v>6096</v>
      </c>
      <c r="H49" s="43">
        <v>527509</v>
      </c>
      <c r="I49" s="43">
        <v>258875</v>
      </c>
      <c r="J49" s="43">
        <v>255151</v>
      </c>
      <c r="K49" s="89">
        <v>13483</v>
      </c>
    </row>
    <row r="50" spans="1:21" ht="3.75" customHeight="1">
      <c r="A50" s="40"/>
      <c r="B50" s="70"/>
      <c r="C50" s="42"/>
      <c r="D50" s="43"/>
      <c r="E50" s="43"/>
      <c r="F50" s="43"/>
      <c r="G50" s="43"/>
      <c r="H50" s="43"/>
      <c r="I50" s="43"/>
      <c r="J50" s="43"/>
      <c r="K50" s="89"/>
    </row>
    <row r="51" spans="1:21" ht="9.75" customHeight="1">
      <c r="A51" s="47"/>
      <c r="B51" s="74">
        <v>54</v>
      </c>
      <c r="C51" s="49"/>
      <c r="D51" s="50">
        <v>572868</v>
      </c>
      <c r="E51" s="50">
        <v>299420</v>
      </c>
      <c r="F51" s="50">
        <v>267920</v>
      </c>
      <c r="G51" s="50">
        <v>5528</v>
      </c>
      <c r="H51" s="50">
        <v>547040</v>
      </c>
      <c r="I51" s="50">
        <v>266247</v>
      </c>
      <c r="J51" s="50">
        <v>265230</v>
      </c>
      <c r="K51" s="90">
        <v>15563</v>
      </c>
    </row>
    <row r="52" spans="1:21" ht="9.75" customHeight="1">
      <c r="A52" s="40"/>
      <c r="B52" s="70">
        <v>53</v>
      </c>
      <c r="C52" s="42"/>
      <c r="D52" s="43">
        <v>577221</v>
      </c>
      <c r="E52" s="43">
        <v>301226</v>
      </c>
      <c r="F52" s="43">
        <v>269933</v>
      </c>
      <c r="G52" s="43">
        <v>6062</v>
      </c>
      <c r="H52" s="43">
        <v>540913</v>
      </c>
      <c r="I52" s="43">
        <v>259456</v>
      </c>
      <c r="J52" s="43">
        <v>268147</v>
      </c>
      <c r="K52" s="89">
        <v>13310</v>
      </c>
    </row>
    <row r="53" spans="1:21" ht="9.75" customHeight="1">
      <c r="A53" s="40"/>
      <c r="B53" s="70">
        <v>52</v>
      </c>
      <c r="C53" s="42"/>
      <c r="D53" s="43">
        <v>580079</v>
      </c>
      <c r="E53" s="43">
        <v>303770</v>
      </c>
      <c r="F53" s="43">
        <v>269522</v>
      </c>
      <c r="G53" s="43">
        <v>6787</v>
      </c>
      <c r="H53" s="43">
        <v>549391</v>
      </c>
      <c r="I53" s="43">
        <v>267098</v>
      </c>
      <c r="J53" s="43">
        <v>267034</v>
      </c>
      <c r="K53" s="89">
        <v>15259</v>
      </c>
    </row>
    <row r="54" spans="1:21" ht="9.75" customHeight="1">
      <c r="A54" s="40"/>
      <c r="B54" s="70">
        <v>51</v>
      </c>
      <c r="C54" s="42"/>
      <c r="D54" s="43">
        <v>582766</v>
      </c>
      <c r="E54" s="43">
        <v>302165</v>
      </c>
      <c r="F54" s="43">
        <v>269055</v>
      </c>
      <c r="G54" s="43">
        <v>11546</v>
      </c>
      <c r="H54" s="43">
        <v>556540</v>
      </c>
      <c r="I54" s="43">
        <v>270977</v>
      </c>
      <c r="J54" s="43">
        <v>266421</v>
      </c>
      <c r="K54" s="89">
        <v>19142</v>
      </c>
    </row>
    <row r="55" spans="1:21" ht="9.75" customHeight="1">
      <c r="A55" s="40"/>
      <c r="B55" s="70" t="s">
        <v>25</v>
      </c>
      <c r="C55" s="42"/>
      <c r="D55" s="43">
        <v>607335</v>
      </c>
      <c r="E55" s="43">
        <v>313817</v>
      </c>
      <c r="F55" s="43">
        <v>274958</v>
      </c>
      <c r="G55" s="43">
        <v>18560</v>
      </c>
      <c r="H55" s="43">
        <v>572792</v>
      </c>
      <c r="I55" s="43">
        <v>280554</v>
      </c>
      <c r="J55" s="43">
        <v>273141</v>
      </c>
      <c r="K55" s="89">
        <v>19097</v>
      </c>
    </row>
    <row r="56" spans="1:21" ht="3.75" customHeight="1">
      <c r="A56" s="40"/>
      <c r="B56" s="70"/>
      <c r="C56" s="42"/>
      <c r="D56" s="43"/>
      <c r="E56" s="43"/>
      <c r="F56" s="43"/>
      <c r="G56" s="43"/>
      <c r="H56" s="43"/>
      <c r="I56" s="43"/>
      <c r="J56" s="43"/>
      <c r="K56" s="89"/>
    </row>
    <row r="57" spans="1:21" s="3" customFormat="1" ht="9.75" customHeight="1">
      <c r="A57" s="47"/>
      <c r="B57" s="74">
        <v>49</v>
      </c>
      <c r="C57" s="49"/>
      <c r="D57" s="50">
        <v>658495</v>
      </c>
      <c r="E57" s="50">
        <v>335439</v>
      </c>
      <c r="F57" s="50">
        <v>300337</v>
      </c>
      <c r="G57" s="50">
        <v>22719</v>
      </c>
      <c r="H57" s="50">
        <v>602392</v>
      </c>
      <c r="I57" s="50">
        <v>284319</v>
      </c>
      <c r="J57" s="50">
        <v>299887</v>
      </c>
      <c r="K57" s="90">
        <v>18186</v>
      </c>
      <c r="S57"/>
      <c r="T57"/>
      <c r="U57"/>
    </row>
    <row r="58" spans="1:21" s="3" customFormat="1" ht="9.75" customHeight="1">
      <c r="A58" s="40"/>
      <c r="B58" s="70">
        <v>48</v>
      </c>
      <c r="C58" s="42"/>
      <c r="D58" s="43">
        <v>700624</v>
      </c>
      <c r="E58" s="43">
        <v>376010</v>
      </c>
      <c r="F58" s="43">
        <v>309918</v>
      </c>
      <c r="G58" s="43">
        <v>14696</v>
      </c>
      <c r="H58" s="43">
        <v>629089</v>
      </c>
      <c r="I58" s="43">
        <v>308539</v>
      </c>
      <c r="J58" s="43">
        <v>308992</v>
      </c>
      <c r="K58" s="89">
        <v>11558</v>
      </c>
      <c r="S58"/>
      <c r="T58"/>
      <c r="U58"/>
    </row>
    <row r="59" spans="1:21" s="3" customFormat="1" ht="9.75" customHeight="1">
      <c r="A59" s="40"/>
      <c r="B59" s="70">
        <v>47</v>
      </c>
      <c r="C59" s="42"/>
      <c r="D59" s="43">
        <v>701526</v>
      </c>
      <c r="E59" s="43">
        <v>385329</v>
      </c>
      <c r="F59" s="43">
        <v>296753</v>
      </c>
      <c r="G59" s="43">
        <v>19444</v>
      </c>
      <c r="H59" s="43">
        <v>607976</v>
      </c>
      <c r="I59" s="43">
        <v>293751</v>
      </c>
      <c r="J59" s="43">
        <v>295279</v>
      </c>
      <c r="K59" s="89">
        <v>18946</v>
      </c>
      <c r="S59"/>
      <c r="T59"/>
      <c r="U59"/>
    </row>
    <row r="60" spans="1:21" s="3" customFormat="1" ht="9.75" customHeight="1">
      <c r="A60" s="40"/>
      <c r="B60" s="70">
        <v>46</v>
      </c>
      <c r="C60" s="42"/>
      <c r="D60" s="43">
        <v>714259</v>
      </c>
      <c r="E60" s="43">
        <v>408188</v>
      </c>
      <c r="F60" s="43">
        <v>284149</v>
      </c>
      <c r="G60" s="43">
        <v>21922</v>
      </c>
      <c r="H60" s="43">
        <v>583083</v>
      </c>
      <c r="I60" s="43">
        <v>280505</v>
      </c>
      <c r="J60" s="43">
        <v>283064</v>
      </c>
      <c r="K60" s="89">
        <v>19514</v>
      </c>
      <c r="S60"/>
      <c r="T60"/>
      <c r="U60"/>
    </row>
    <row r="61" spans="1:21" s="3" customFormat="1" ht="3.75" customHeight="1" thickBot="1">
      <c r="A61" s="91"/>
      <c r="B61" s="92"/>
      <c r="C61" s="55"/>
      <c r="D61" s="78"/>
      <c r="E61" s="78"/>
      <c r="F61" s="78"/>
      <c r="G61" s="78"/>
      <c r="H61" s="78"/>
      <c r="I61" s="78"/>
      <c r="J61" s="78"/>
      <c r="K61" s="93"/>
      <c r="S61"/>
      <c r="T61"/>
      <c r="U61"/>
    </row>
    <row r="62" spans="1:21" s="3" customFormat="1" ht="19.5" customHeight="1">
      <c r="A62" s="223" t="s">
        <v>50</v>
      </c>
      <c r="B62" s="223"/>
      <c r="C62" s="223"/>
      <c r="D62" s="223"/>
      <c r="E62" s="223"/>
      <c r="F62" s="223"/>
      <c r="G62" s="223"/>
      <c r="H62" s="223"/>
      <c r="I62" s="223"/>
      <c r="J62" s="223"/>
      <c r="K62" s="223"/>
    </row>
  </sheetData>
  <mergeCells count="6">
    <mergeCell ref="A62:K62"/>
    <mergeCell ref="A1:K1"/>
    <mergeCell ref="A2:C2"/>
    <mergeCell ref="A3:C4"/>
    <mergeCell ref="D3:G3"/>
    <mergeCell ref="H3:K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9"/>
  <sheetViews>
    <sheetView view="pageBreakPreview" zoomScaleNormal="100" zoomScaleSheetLayoutView="100" workbookViewId="0">
      <selection activeCell="K1" sqref="K1"/>
    </sheetView>
  </sheetViews>
  <sheetFormatPr defaultRowHeight="14.25"/>
  <cols>
    <col min="1" max="16384" width="9" style="94"/>
  </cols>
  <sheetData>
    <row r="1" spans="1:11">
      <c r="A1" s="240" t="s">
        <v>51</v>
      </c>
      <c r="B1" s="240"/>
      <c r="C1" s="240"/>
      <c r="D1" s="240"/>
      <c r="E1" s="240"/>
      <c r="F1" s="240"/>
      <c r="G1" s="240"/>
      <c r="H1" s="240"/>
      <c r="I1" s="240"/>
      <c r="J1" s="240"/>
      <c r="K1" s="193"/>
    </row>
    <row r="2" spans="1:11" ht="15" thickBot="1">
      <c r="A2" s="228" t="s">
        <v>52</v>
      </c>
      <c r="B2" s="228"/>
      <c r="C2" s="228"/>
      <c r="D2" s="95"/>
      <c r="E2" s="95"/>
      <c r="F2" s="95"/>
      <c r="G2" s="95"/>
      <c r="H2" s="95"/>
      <c r="I2" s="229" t="s">
        <v>53</v>
      </c>
      <c r="J2" s="229"/>
      <c r="K2" s="96"/>
    </row>
    <row r="3" spans="1:11">
      <c r="A3" s="230" t="s">
        <v>54</v>
      </c>
      <c r="B3" s="231"/>
      <c r="C3" s="231"/>
      <c r="D3" s="234" t="s">
        <v>55</v>
      </c>
      <c r="E3" s="236" t="s">
        <v>7</v>
      </c>
      <c r="F3" s="237"/>
      <c r="G3" s="238"/>
      <c r="H3" s="236" t="s">
        <v>8</v>
      </c>
      <c r="I3" s="237"/>
      <c r="J3" s="239"/>
      <c r="K3" s="97"/>
    </row>
    <row r="4" spans="1:11">
      <c r="A4" s="232"/>
      <c r="B4" s="233"/>
      <c r="C4" s="233"/>
      <c r="D4" s="235"/>
      <c r="E4" s="98"/>
      <c r="F4" s="99" t="s">
        <v>34</v>
      </c>
      <c r="G4" s="99" t="s">
        <v>35</v>
      </c>
      <c r="H4" s="98"/>
      <c r="I4" s="99" t="s">
        <v>36</v>
      </c>
      <c r="J4" s="100" t="s">
        <v>37</v>
      </c>
      <c r="K4" s="101"/>
    </row>
    <row r="5" spans="1:11">
      <c r="A5" s="102"/>
      <c r="B5" s="103"/>
      <c r="C5" s="103"/>
      <c r="D5" s="104" t="s">
        <v>10</v>
      </c>
      <c r="E5" s="104" t="s">
        <v>10</v>
      </c>
      <c r="F5" s="104" t="s">
        <v>10</v>
      </c>
      <c r="G5" s="104" t="s">
        <v>10</v>
      </c>
      <c r="H5" s="104" t="s">
        <v>10</v>
      </c>
      <c r="I5" s="104" t="s">
        <v>10</v>
      </c>
      <c r="J5" s="105" t="s">
        <v>10</v>
      </c>
      <c r="K5" s="95"/>
    </row>
    <row r="6" spans="1:11">
      <c r="A6" s="106"/>
      <c r="B6" s="107" t="s">
        <v>56</v>
      </c>
      <c r="C6" s="108"/>
      <c r="D6" s="109">
        <v>19363</v>
      </c>
      <c r="E6" s="109">
        <v>-5354</v>
      </c>
      <c r="F6" s="109">
        <v>72795</v>
      </c>
      <c r="G6" s="109">
        <v>78149</v>
      </c>
      <c r="H6" s="109">
        <v>24717</v>
      </c>
      <c r="I6" s="109">
        <v>486889</v>
      </c>
      <c r="J6" s="110">
        <v>462172</v>
      </c>
      <c r="K6" s="95"/>
    </row>
    <row r="7" spans="1:11">
      <c r="A7" s="102"/>
      <c r="B7" s="101" t="s">
        <v>57</v>
      </c>
      <c r="C7" s="103"/>
      <c r="D7" s="111">
        <v>-1757</v>
      </c>
      <c r="E7" s="111">
        <v>-1449</v>
      </c>
      <c r="F7" s="111">
        <v>6200</v>
      </c>
      <c r="G7" s="111">
        <v>7649</v>
      </c>
      <c r="H7" s="111">
        <v>-308</v>
      </c>
      <c r="I7" s="111">
        <v>30628</v>
      </c>
      <c r="J7" s="112">
        <v>30936</v>
      </c>
      <c r="K7" s="95"/>
    </row>
    <row r="8" spans="1:11">
      <c r="A8" s="102"/>
      <c r="B8" s="101" t="s">
        <v>58</v>
      </c>
      <c r="C8" s="103"/>
      <c r="D8" s="111">
        <v>-2309</v>
      </c>
      <c r="E8" s="111">
        <v>-1214</v>
      </c>
      <c r="F8" s="111">
        <v>5829</v>
      </c>
      <c r="G8" s="111">
        <v>7043</v>
      </c>
      <c r="H8" s="111">
        <v>-1095</v>
      </c>
      <c r="I8" s="111">
        <v>35746</v>
      </c>
      <c r="J8" s="112">
        <v>36841</v>
      </c>
      <c r="K8" s="95"/>
    </row>
    <row r="9" spans="1:11">
      <c r="A9" s="102"/>
      <c r="B9" s="101" t="s">
        <v>59</v>
      </c>
      <c r="C9" s="103"/>
      <c r="D9" s="111">
        <v>4237</v>
      </c>
      <c r="E9" s="111">
        <v>-924</v>
      </c>
      <c r="F9" s="111">
        <v>6066</v>
      </c>
      <c r="G9" s="111">
        <v>6990</v>
      </c>
      <c r="H9" s="111">
        <v>5161</v>
      </c>
      <c r="I9" s="111">
        <v>83591</v>
      </c>
      <c r="J9" s="112">
        <v>78430</v>
      </c>
      <c r="K9" s="95"/>
    </row>
    <row r="10" spans="1:11">
      <c r="A10" s="102"/>
      <c r="B10" s="101" t="s">
        <v>60</v>
      </c>
      <c r="C10" s="103"/>
      <c r="D10" s="111">
        <v>14376</v>
      </c>
      <c r="E10" s="111">
        <v>-397</v>
      </c>
      <c r="F10" s="111">
        <v>5586</v>
      </c>
      <c r="G10" s="111">
        <v>5983</v>
      </c>
      <c r="H10" s="111">
        <v>14773</v>
      </c>
      <c r="I10" s="111">
        <v>57795</v>
      </c>
      <c r="J10" s="112">
        <v>43022</v>
      </c>
      <c r="K10" s="95"/>
    </row>
    <row r="11" spans="1:11">
      <c r="A11" s="102"/>
      <c r="B11" s="101" t="s">
        <v>61</v>
      </c>
      <c r="C11" s="103"/>
      <c r="D11" s="111">
        <v>2408</v>
      </c>
      <c r="E11" s="111">
        <v>-184</v>
      </c>
      <c r="F11" s="111">
        <v>6207</v>
      </c>
      <c r="G11" s="111">
        <v>6391</v>
      </c>
      <c r="H11" s="111">
        <v>2592</v>
      </c>
      <c r="I11" s="111">
        <v>37650</v>
      </c>
      <c r="J11" s="112">
        <v>35058</v>
      </c>
      <c r="K11" s="95"/>
    </row>
    <row r="12" spans="1:11">
      <c r="A12" s="102"/>
      <c r="B12" s="101" t="s">
        <v>62</v>
      </c>
      <c r="C12" s="103"/>
      <c r="D12" s="111">
        <v>840</v>
      </c>
      <c r="E12" s="111">
        <v>494</v>
      </c>
      <c r="F12" s="111">
        <v>6163</v>
      </c>
      <c r="G12" s="111">
        <v>5669</v>
      </c>
      <c r="H12" s="111">
        <v>346</v>
      </c>
      <c r="I12" s="111">
        <v>34774</v>
      </c>
      <c r="J12" s="112">
        <v>34428</v>
      </c>
      <c r="K12" s="95"/>
    </row>
    <row r="13" spans="1:11">
      <c r="A13" s="102"/>
      <c r="B13" s="101" t="s">
        <v>63</v>
      </c>
      <c r="C13" s="103"/>
      <c r="D13" s="111">
        <v>-806</v>
      </c>
      <c r="E13" s="111">
        <v>411</v>
      </c>
      <c r="F13" s="111">
        <v>5982</v>
      </c>
      <c r="G13" s="111">
        <v>5571</v>
      </c>
      <c r="H13" s="111">
        <v>-1217</v>
      </c>
      <c r="I13" s="111">
        <v>34252</v>
      </c>
      <c r="J13" s="112">
        <v>35469</v>
      </c>
      <c r="K13" s="95"/>
    </row>
    <row r="14" spans="1:11">
      <c r="A14" s="102"/>
      <c r="B14" s="101" t="s">
        <v>64</v>
      </c>
      <c r="C14" s="103"/>
      <c r="D14" s="111">
        <v>561</v>
      </c>
      <c r="E14" s="111">
        <v>128</v>
      </c>
      <c r="F14" s="111">
        <v>6632</v>
      </c>
      <c r="G14" s="111">
        <v>6504</v>
      </c>
      <c r="H14" s="111">
        <v>433</v>
      </c>
      <c r="I14" s="111">
        <v>37213</v>
      </c>
      <c r="J14" s="112">
        <v>36780</v>
      </c>
      <c r="K14" s="95"/>
    </row>
    <row r="15" spans="1:11">
      <c r="A15" s="102"/>
      <c r="B15" s="101" t="s">
        <v>65</v>
      </c>
      <c r="C15" s="103"/>
      <c r="D15" s="111">
        <v>-15</v>
      </c>
      <c r="E15" s="111">
        <v>-38</v>
      </c>
      <c r="F15" s="111">
        <v>6236</v>
      </c>
      <c r="G15" s="111">
        <v>6274</v>
      </c>
      <c r="H15" s="111">
        <v>23</v>
      </c>
      <c r="I15" s="111">
        <v>33599</v>
      </c>
      <c r="J15" s="112">
        <v>33576</v>
      </c>
      <c r="K15" s="95"/>
    </row>
    <row r="16" spans="1:11">
      <c r="A16" s="102"/>
      <c r="B16" s="101" t="s">
        <v>66</v>
      </c>
      <c r="C16" s="103"/>
      <c r="D16" s="111">
        <v>2977</v>
      </c>
      <c r="E16" s="111">
        <v>-211</v>
      </c>
      <c r="F16" s="111">
        <v>6182</v>
      </c>
      <c r="G16" s="111">
        <v>6393</v>
      </c>
      <c r="H16" s="111">
        <v>3188</v>
      </c>
      <c r="I16" s="111">
        <v>35514</v>
      </c>
      <c r="J16" s="112">
        <v>32326</v>
      </c>
      <c r="K16" s="95"/>
    </row>
    <row r="17" spans="1:11">
      <c r="A17" s="102"/>
      <c r="B17" s="101" t="s">
        <v>67</v>
      </c>
      <c r="C17" s="103"/>
      <c r="D17" s="111">
        <v>-440</v>
      </c>
      <c r="E17" s="111">
        <v>-927</v>
      </c>
      <c r="F17" s="111">
        <v>6072</v>
      </c>
      <c r="G17" s="111">
        <v>6999</v>
      </c>
      <c r="H17" s="111">
        <v>487</v>
      </c>
      <c r="I17" s="111">
        <v>32602</v>
      </c>
      <c r="J17" s="112">
        <v>32115</v>
      </c>
      <c r="K17" s="95"/>
    </row>
    <row r="18" spans="1:11" ht="15" thickBot="1">
      <c r="A18" s="113"/>
      <c r="B18" s="114" t="s">
        <v>68</v>
      </c>
      <c r="C18" s="115"/>
      <c r="D18" s="116">
        <v>-709</v>
      </c>
      <c r="E18" s="116">
        <v>-1043</v>
      </c>
      <c r="F18" s="116">
        <v>5640</v>
      </c>
      <c r="G18" s="116">
        <v>6683</v>
      </c>
      <c r="H18" s="116">
        <v>334</v>
      </c>
      <c r="I18" s="116">
        <v>33525</v>
      </c>
      <c r="J18" s="117">
        <v>33191</v>
      </c>
      <c r="K18" s="102"/>
    </row>
    <row r="19" spans="1:11">
      <c r="A19" s="227" t="s">
        <v>69</v>
      </c>
      <c r="B19" s="227"/>
      <c r="C19" s="227"/>
      <c r="D19" s="227"/>
      <c r="E19" s="227"/>
      <c r="F19" s="227"/>
      <c r="G19" s="227"/>
      <c r="H19" s="227"/>
      <c r="I19" s="227"/>
      <c r="J19" s="227"/>
      <c r="K19" s="227"/>
    </row>
  </sheetData>
  <mergeCells count="8">
    <mergeCell ref="A1:J1"/>
    <mergeCell ref="A19:K19"/>
    <mergeCell ref="A2:C2"/>
    <mergeCell ref="I2:J2"/>
    <mergeCell ref="A3:C4"/>
    <mergeCell ref="D3:D4"/>
    <mergeCell ref="E3:G3"/>
    <mergeCell ref="H3:J3"/>
  </mergeCells>
  <phoneticPr fontId="3"/>
  <pageMargins left="0.7" right="0.7" top="0.75" bottom="0.75" header="0.3" footer="0.3"/>
  <pageSetup paperSize="9" scale="82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71"/>
  <sheetViews>
    <sheetView view="pageBreakPreview" zoomScaleNormal="100" zoomScaleSheetLayoutView="100" workbookViewId="0">
      <selection activeCell="S1" sqref="S1"/>
    </sheetView>
  </sheetViews>
  <sheetFormatPr defaultRowHeight="14.25"/>
  <cols>
    <col min="1" max="1" width="1.375" style="3" customWidth="1"/>
    <col min="2" max="2" width="7.5" style="3" customWidth="1"/>
    <col min="3" max="3" width="1.375" style="3" customWidth="1"/>
    <col min="4" max="15" width="11.75" style="3" customWidth="1"/>
    <col min="16" max="16" width="1.25" style="3" customWidth="1"/>
    <col min="17" max="17" width="7.5" style="3" customWidth="1"/>
    <col min="18" max="18" width="1.25" style="3" customWidth="1"/>
  </cols>
  <sheetData>
    <row r="1" spans="1:20" ht="18.75" customHeight="1">
      <c r="C1" s="118"/>
      <c r="D1" s="241" t="s">
        <v>70</v>
      </c>
      <c r="E1" s="241"/>
      <c r="F1" s="241"/>
      <c r="G1" s="241"/>
      <c r="H1" s="241"/>
      <c r="I1" s="241"/>
      <c r="J1" s="118"/>
      <c r="K1" s="118"/>
      <c r="L1" s="118"/>
      <c r="M1" s="118"/>
      <c r="N1" s="118"/>
      <c r="O1" s="118"/>
      <c r="P1" s="42"/>
      <c r="Q1" s="119"/>
      <c r="R1" s="118"/>
    </row>
    <row r="2" spans="1:20" ht="15" customHeight="1" thickBot="1">
      <c r="A2" s="196" t="s">
        <v>71</v>
      </c>
      <c r="B2" s="196"/>
      <c r="C2" s="196"/>
      <c r="J2" s="242"/>
      <c r="K2" s="242"/>
      <c r="L2" s="242"/>
      <c r="M2" s="242"/>
      <c r="N2" s="242"/>
      <c r="O2" s="242"/>
      <c r="P2" s="243" t="s">
        <v>72</v>
      </c>
      <c r="Q2" s="243"/>
      <c r="R2" s="243"/>
    </row>
    <row r="3" spans="1:20" ht="15" customHeight="1">
      <c r="A3" s="244" t="s">
        <v>73</v>
      </c>
      <c r="B3" s="245"/>
      <c r="C3" s="245"/>
      <c r="D3" s="120" t="s">
        <v>57</v>
      </c>
      <c r="E3" s="120" t="s">
        <v>58</v>
      </c>
      <c r="F3" s="120" t="s">
        <v>59</v>
      </c>
      <c r="G3" s="120" t="s">
        <v>60</v>
      </c>
      <c r="H3" s="120" t="s">
        <v>61</v>
      </c>
      <c r="I3" s="121" t="s">
        <v>62</v>
      </c>
      <c r="J3" s="120" t="s">
        <v>63</v>
      </c>
      <c r="K3" s="120" t="s">
        <v>64</v>
      </c>
      <c r="L3" s="120" t="s">
        <v>65</v>
      </c>
      <c r="M3" s="120" t="s">
        <v>66</v>
      </c>
      <c r="N3" s="120" t="s">
        <v>67</v>
      </c>
      <c r="O3" s="120" t="s">
        <v>68</v>
      </c>
      <c r="P3" s="220" t="s">
        <v>73</v>
      </c>
      <c r="Q3" s="245"/>
      <c r="R3" s="246"/>
    </row>
    <row r="4" spans="1:20" ht="6.75" customHeight="1">
      <c r="A4" s="11"/>
      <c r="B4" s="42"/>
      <c r="C4" s="42"/>
      <c r="D4" s="14"/>
      <c r="E4" s="14"/>
      <c r="F4" s="14"/>
      <c r="G4" s="14"/>
      <c r="H4" s="14"/>
      <c r="I4" s="14"/>
      <c r="J4" s="14"/>
      <c r="K4" s="14"/>
      <c r="L4" s="14"/>
      <c r="M4" s="14"/>
      <c r="N4" s="14"/>
      <c r="O4" s="122"/>
      <c r="P4" s="123"/>
      <c r="Q4" s="42"/>
      <c r="R4" s="124"/>
    </row>
    <row r="5" spans="1:20" ht="12" customHeight="1">
      <c r="A5" s="61"/>
      <c r="B5" s="18" t="s">
        <v>38</v>
      </c>
      <c r="C5" s="19"/>
      <c r="D5" s="62">
        <v>9128037</v>
      </c>
      <c r="E5" s="62">
        <v>9126280</v>
      </c>
      <c r="F5" s="62">
        <v>9123971</v>
      </c>
      <c r="G5" s="62">
        <v>9128208</v>
      </c>
      <c r="H5" s="62">
        <v>9142584</v>
      </c>
      <c r="I5" s="62">
        <v>9144992</v>
      </c>
      <c r="J5" s="62">
        <v>9145832</v>
      </c>
      <c r="K5" s="62">
        <v>9145026</v>
      </c>
      <c r="L5" s="62">
        <v>9145587</v>
      </c>
      <c r="M5" s="62">
        <v>9145572</v>
      </c>
      <c r="N5" s="62">
        <v>9148549</v>
      </c>
      <c r="O5" s="125">
        <v>9148109</v>
      </c>
      <c r="P5" s="126"/>
      <c r="Q5" s="18" t="s">
        <v>38</v>
      </c>
      <c r="R5" s="127"/>
    </row>
    <row r="6" spans="1:20" s="32" customFormat="1" ht="12" customHeight="1">
      <c r="A6" s="34"/>
      <c r="B6" s="66" t="s">
        <v>15</v>
      </c>
      <c r="C6" s="35"/>
      <c r="D6" s="36">
        <v>9100346</v>
      </c>
      <c r="E6" s="36">
        <v>9097624</v>
      </c>
      <c r="F6" s="36">
        <v>9094974</v>
      </c>
      <c r="G6" s="36">
        <v>9099935</v>
      </c>
      <c r="H6" s="36">
        <v>9116252</v>
      </c>
      <c r="I6" s="36">
        <v>9118334</v>
      </c>
      <c r="J6" s="36">
        <v>9118775</v>
      </c>
      <c r="K6" s="36">
        <v>9117529</v>
      </c>
      <c r="L6" s="36">
        <v>9118562</v>
      </c>
      <c r="M6" s="36">
        <v>9126214</v>
      </c>
      <c r="N6" s="36">
        <v>9128262</v>
      </c>
      <c r="O6" s="128">
        <v>9129173</v>
      </c>
      <c r="P6" s="129"/>
      <c r="Q6" s="66" t="s">
        <v>15</v>
      </c>
      <c r="R6" s="130"/>
      <c r="S6" s="33"/>
      <c r="T6" s="33"/>
    </row>
    <row r="7" spans="1:20" s="32" customFormat="1" ht="6.75" customHeight="1">
      <c r="A7" s="34"/>
      <c r="B7" s="66"/>
      <c r="C7" s="35"/>
      <c r="D7" s="36"/>
      <c r="E7" s="36"/>
      <c r="F7" s="36"/>
      <c r="G7" s="36"/>
      <c r="H7" s="36"/>
      <c r="I7" s="36"/>
      <c r="J7" s="36"/>
      <c r="K7" s="36"/>
      <c r="L7" s="36"/>
      <c r="M7" s="36"/>
      <c r="N7" s="36"/>
      <c r="O7" s="128"/>
      <c r="P7" s="129"/>
      <c r="Q7" s="66"/>
      <c r="R7" s="130"/>
      <c r="S7" s="33"/>
      <c r="T7" s="33"/>
    </row>
    <row r="8" spans="1:20" ht="12" customHeight="1">
      <c r="A8" s="47"/>
      <c r="B8" s="74">
        <v>26</v>
      </c>
      <c r="C8" s="49"/>
      <c r="D8" s="50">
        <v>9083839</v>
      </c>
      <c r="E8" s="50">
        <v>9081284</v>
      </c>
      <c r="F8" s="50">
        <v>9078001</v>
      </c>
      <c r="G8" s="50">
        <v>9079236</v>
      </c>
      <c r="H8" s="50">
        <v>9094662</v>
      </c>
      <c r="I8" s="50">
        <v>9096445</v>
      </c>
      <c r="J8" s="50">
        <v>9097245</v>
      </c>
      <c r="K8" s="50">
        <v>9097401</v>
      </c>
      <c r="L8" s="50">
        <v>9097198</v>
      </c>
      <c r="M8" s="50">
        <v>9098984</v>
      </c>
      <c r="N8" s="50">
        <v>9101505</v>
      </c>
      <c r="O8" s="131">
        <v>9101625</v>
      </c>
      <c r="P8" s="132"/>
      <c r="Q8" s="74">
        <v>26</v>
      </c>
      <c r="R8" s="133"/>
    </row>
    <row r="9" spans="1:20" ht="12" customHeight="1">
      <c r="A9" s="40"/>
      <c r="B9" s="70">
        <v>25</v>
      </c>
      <c r="C9" s="134"/>
      <c r="D9" s="43">
        <v>9072533</v>
      </c>
      <c r="E9" s="43">
        <v>9069042</v>
      </c>
      <c r="F9" s="43">
        <v>9064465</v>
      </c>
      <c r="G9" s="43">
        <v>9061378</v>
      </c>
      <c r="H9" s="43">
        <v>9079150</v>
      </c>
      <c r="I9" s="43">
        <v>9080892</v>
      </c>
      <c r="J9" s="43">
        <v>9079363</v>
      </c>
      <c r="K9" s="43">
        <v>9079998</v>
      </c>
      <c r="L9" s="43">
        <v>9081005</v>
      </c>
      <c r="M9" s="43">
        <v>9081742</v>
      </c>
      <c r="N9" s="43">
        <v>9084223</v>
      </c>
      <c r="O9" s="135">
        <v>9084473</v>
      </c>
      <c r="P9" s="136"/>
      <c r="Q9" s="70">
        <v>25</v>
      </c>
      <c r="R9" s="137"/>
    </row>
    <row r="10" spans="1:20" ht="12" customHeight="1">
      <c r="A10" s="40"/>
      <c r="B10" s="70">
        <v>24</v>
      </c>
      <c r="C10" s="134"/>
      <c r="D10" s="43">
        <v>9060257</v>
      </c>
      <c r="E10" s="43">
        <v>9057742</v>
      </c>
      <c r="F10" s="43">
        <v>9053776</v>
      </c>
      <c r="G10" s="43">
        <v>9052730</v>
      </c>
      <c r="H10" s="43">
        <v>9069694</v>
      </c>
      <c r="I10" s="43">
        <v>9072471</v>
      </c>
      <c r="J10" s="43">
        <v>9071272</v>
      </c>
      <c r="K10" s="43">
        <v>9071855</v>
      </c>
      <c r="L10" s="43">
        <v>9073190</v>
      </c>
      <c r="M10" s="43">
        <v>9072133</v>
      </c>
      <c r="N10" s="43">
        <v>9075474</v>
      </c>
      <c r="O10" s="135">
        <v>9075075</v>
      </c>
      <c r="P10" s="136"/>
      <c r="Q10" s="70">
        <v>24</v>
      </c>
      <c r="R10" s="137"/>
    </row>
    <row r="11" spans="1:20" ht="12" customHeight="1">
      <c r="A11" s="40"/>
      <c r="B11" s="70">
        <v>23</v>
      </c>
      <c r="C11" s="134"/>
      <c r="D11" s="43">
        <v>9051028</v>
      </c>
      <c r="E11" s="43">
        <v>9049201</v>
      </c>
      <c r="F11" s="43">
        <v>9046250</v>
      </c>
      <c r="G11" s="43">
        <v>9044930</v>
      </c>
      <c r="H11" s="43">
        <v>9057420</v>
      </c>
      <c r="I11" s="43">
        <v>9060539</v>
      </c>
      <c r="J11" s="43">
        <v>9059480</v>
      </c>
      <c r="K11" s="43">
        <v>9058420</v>
      </c>
      <c r="L11" s="43">
        <v>9060518</v>
      </c>
      <c r="M11" s="43">
        <v>9059616</v>
      </c>
      <c r="N11" s="43">
        <v>9061473</v>
      </c>
      <c r="O11" s="135">
        <v>9061898</v>
      </c>
      <c r="P11" s="136"/>
      <c r="Q11" s="70">
        <v>23</v>
      </c>
      <c r="R11" s="137"/>
    </row>
    <row r="12" spans="1:20" ht="12" customHeight="1">
      <c r="A12" s="40"/>
      <c r="B12" s="70" t="s">
        <v>16</v>
      </c>
      <c r="C12" s="134"/>
      <c r="D12" s="43">
        <v>9008132</v>
      </c>
      <c r="E12" s="43">
        <v>9006229</v>
      </c>
      <c r="F12" s="43">
        <v>9004306</v>
      </c>
      <c r="G12" s="43">
        <v>9008743</v>
      </c>
      <c r="H12" s="43">
        <v>9025843</v>
      </c>
      <c r="I12" s="43">
        <v>9028118</v>
      </c>
      <c r="J12" s="43">
        <v>9028302</v>
      </c>
      <c r="K12" s="43">
        <v>9028285</v>
      </c>
      <c r="L12" s="43">
        <v>9029996</v>
      </c>
      <c r="M12" s="43">
        <v>9048331</v>
      </c>
      <c r="N12" s="43">
        <v>9050567</v>
      </c>
      <c r="O12" s="135">
        <v>9051390</v>
      </c>
      <c r="P12" s="136"/>
      <c r="Q12" s="70" t="s">
        <v>16</v>
      </c>
      <c r="R12" s="137"/>
    </row>
    <row r="13" spans="1:20" ht="6.75" customHeight="1">
      <c r="A13" s="40"/>
      <c r="B13" s="70"/>
      <c r="C13" s="134"/>
      <c r="D13" s="43"/>
      <c r="E13" s="43"/>
      <c r="F13" s="43"/>
      <c r="G13" s="43"/>
      <c r="H13" s="43"/>
      <c r="I13" s="43"/>
      <c r="J13" s="43"/>
      <c r="K13" s="43"/>
      <c r="L13" s="43"/>
      <c r="M13" s="43"/>
      <c r="N13" s="43"/>
      <c r="O13" s="135"/>
      <c r="P13" s="136"/>
      <c r="Q13" s="70"/>
      <c r="R13" s="137"/>
    </row>
    <row r="14" spans="1:20" ht="12" customHeight="1">
      <c r="A14" s="47"/>
      <c r="B14" s="74">
        <v>21</v>
      </c>
      <c r="C14" s="49"/>
      <c r="D14" s="50">
        <v>8965352</v>
      </c>
      <c r="E14" s="50">
        <v>8965954</v>
      </c>
      <c r="F14" s="50">
        <v>8964892</v>
      </c>
      <c r="G14" s="50">
        <v>8974075</v>
      </c>
      <c r="H14" s="50">
        <v>8994595</v>
      </c>
      <c r="I14" s="50">
        <v>8998805</v>
      </c>
      <c r="J14" s="50">
        <v>9001358</v>
      </c>
      <c r="K14" s="50">
        <v>9002078</v>
      </c>
      <c r="L14" s="50">
        <v>9003840</v>
      </c>
      <c r="M14" s="50">
        <v>9005176</v>
      </c>
      <c r="N14" s="50">
        <v>9007993</v>
      </c>
      <c r="O14" s="131">
        <v>9008905</v>
      </c>
      <c r="P14" s="132"/>
      <c r="Q14" s="74">
        <v>21</v>
      </c>
      <c r="R14" s="133"/>
    </row>
    <row r="15" spans="1:20" s="3" customFormat="1" ht="12" customHeight="1">
      <c r="A15" s="40"/>
      <c r="B15" s="70">
        <v>20</v>
      </c>
      <c r="C15" s="42"/>
      <c r="D15" s="43">
        <v>8910256</v>
      </c>
      <c r="E15" s="43">
        <v>8910553</v>
      </c>
      <c r="F15" s="43">
        <v>8909857</v>
      </c>
      <c r="G15" s="43">
        <v>8916854</v>
      </c>
      <c r="H15" s="43">
        <v>8939652</v>
      </c>
      <c r="I15" s="43">
        <v>8944118</v>
      </c>
      <c r="J15" s="43">
        <v>8946742</v>
      </c>
      <c r="K15" s="43">
        <v>8950032</v>
      </c>
      <c r="L15" s="43">
        <v>8953788</v>
      </c>
      <c r="M15" s="43">
        <v>8956804</v>
      </c>
      <c r="N15" s="43">
        <v>8961239</v>
      </c>
      <c r="O15" s="135">
        <v>8963944</v>
      </c>
      <c r="P15" s="136"/>
      <c r="Q15" s="70">
        <v>20</v>
      </c>
      <c r="R15" s="124"/>
      <c r="S15"/>
      <c r="T15"/>
    </row>
    <row r="16" spans="1:20" s="144" customFormat="1" ht="12" customHeight="1">
      <c r="A16" s="138"/>
      <c r="B16" s="26">
        <v>19</v>
      </c>
      <c r="C16" s="139"/>
      <c r="D16" s="28">
        <v>8848166</v>
      </c>
      <c r="E16" s="28">
        <v>8849821</v>
      </c>
      <c r="F16" s="28">
        <v>8850901</v>
      </c>
      <c r="G16" s="28">
        <v>8854830</v>
      </c>
      <c r="H16" s="28">
        <v>8879968</v>
      </c>
      <c r="I16" s="28">
        <v>8887150</v>
      </c>
      <c r="J16" s="28">
        <v>8889933</v>
      </c>
      <c r="K16" s="28">
        <v>8893264</v>
      </c>
      <c r="L16" s="28">
        <v>8898195</v>
      </c>
      <c r="M16" s="28">
        <v>8899545</v>
      </c>
      <c r="N16" s="28">
        <v>8905930</v>
      </c>
      <c r="O16" s="140">
        <v>8908440</v>
      </c>
      <c r="P16" s="141"/>
      <c r="Q16" s="26">
        <v>19</v>
      </c>
      <c r="R16" s="142"/>
      <c r="S16" s="143"/>
      <c r="T16" s="143"/>
    </row>
    <row r="17" spans="1:20" s="3" customFormat="1" ht="12" customHeight="1">
      <c r="A17" s="40"/>
      <c r="B17" s="70">
        <v>18</v>
      </c>
      <c r="C17" s="42"/>
      <c r="D17" s="43">
        <v>8801632</v>
      </c>
      <c r="E17" s="43">
        <v>8801612</v>
      </c>
      <c r="F17" s="43">
        <v>8801102</v>
      </c>
      <c r="G17" s="43">
        <v>8800903</v>
      </c>
      <c r="H17" s="43">
        <v>8823924</v>
      </c>
      <c r="I17" s="43">
        <v>8830438</v>
      </c>
      <c r="J17" s="43">
        <v>8831157</v>
      </c>
      <c r="K17" s="43">
        <v>8834021</v>
      </c>
      <c r="L17" s="43">
        <v>8836558</v>
      </c>
      <c r="M17" s="43">
        <v>8837640</v>
      </c>
      <c r="N17" s="43">
        <v>8843347</v>
      </c>
      <c r="O17" s="135">
        <v>8846454</v>
      </c>
      <c r="P17" s="136"/>
      <c r="Q17" s="70">
        <v>18</v>
      </c>
      <c r="R17" s="124"/>
      <c r="S17"/>
      <c r="T17"/>
    </row>
    <row r="18" spans="1:20" s="3" customFormat="1" ht="12" customHeight="1">
      <c r="A18" s="40"/>
      <c r="B18" s="70" t="s">
        <v>17</v>
      </c>
      <c r="C18" s="42"/>
      <c r="D18" s="43">
        <v>8748731</v>
      </c>
      <c r="E18" s="43">
        <v>8749335</v>
      </c>
      <c r="F18" s="43">
        <v>8748193</v>
      </c>
      <c r="G18" s="43">
        <v>8749038</v>
      </c>
      <c r="H18" s="43">
        <v>8771143</v>
      </c>
      <c r="I18" s="43">
        <v>8776724</v>
      </c>
      <c r="J18" s="43">
        <v>8779313</v>
      </c>
      <c r="K18" s="43">
        <v>8780836</v>
      </c>
      <c r="L18" s="43">
        <v>8785638</v>
      </c>
      <c r="M18" s="43">
        <v>8791597</v>
      </c>
      <c r="N18" s="43">
        <v>8797714</v>
      </c>
      <c r="O18" s="135">
        <v>8800167</v>
      </c>
      <c r="P18" s="136"/>
      <c r="Q18" s="70" t="s">
        <v>17</v>
      </c>
      <c r="R18" s="124"/>
      <c r="S18"/>
      <c r="T18"/>
    </row>
    <row r="19" spans="1:20" s="3" customFormat="1" ht="6.75" customHeight="1">
      <c r="A19" s="40"/>
      <c r="B19" s="70"/>
      <c r="C19" s="42"/>
      <c r="D19" s="43"/>
      <c r="E19" s="43"/>
      <c r="F19" s="43"/>
      <c r="G19" s="43"/>
      <c r="H19" s="43"/>
      <c r="I19" s="43"/>
      <c r="J19" s="43"/>
      <c r="K19" s="43"/>
      <c r="L19" s="43"/>
      <c r="M19" s="43"/>
      <c r="N19" s="43"/>
      <c r="O19" s="135"/>
      <c r="P19" s="136"/>
      <c r="Q19" s="70"/>
      <c r="R19" s="124"/>
      <c r="S19"/>
      <c r="T19"/>
    </row>
    <row r="20" spans="1:20" ht="12" customHeight="1">
      <c r="A20" s="47"/>
      <c r="B20" s="74">
        <v>16</v>
      </c>
      <c r="C20" s="49"/>
      <c r="D20" s="50">
        <v>8697720</v>
      </c>
      <c r="E20" s="50">
        <v>8699273</v>
      </c>
      <c r="F20" s="50">
        <v>8699920</v>
      </c>
      <c r="G20" s="50">
        <v>8702885</v>
      </c>
      <c r="H20" s="50">
        <v>8726087</v>
      </c>
      <c r="I20" s="50">
        <v>8732827</v>
      </c>
      <c r="J20" s="50">
        <v>8736632</v>
      </c>
      <c r="K20" s="50">
        <v>8734819</v>
      </c>
      <c r="L20" s="50">
        <v>8738441</v>
      </c>
      <c r="M20" s="50">
        <v>8740136</v>
      </c>
      <c r="N20" s="50">
        <v>8744097</v>
      </c>
      <c r="O20" s="131">
        <v>8747356</v>
      </c>
      <c r="P20" s="132"/>
      <c r="Q20" s="74">
        <v>16</v>
      </c>
      <c r="R20" s="133"/>
    </row>
    <row r="21" spans="1:20" s="3" customFormat="1" ht="12" customHeight="1">
      <c r="A21" s="40"/>
      <c r="B21" s="70">
        <v>15</v>
      </c>
      <c r="C21" s="42"/>
      <c r="D21" s="43">
        <v>8639665</v>
      </c>
      <c r="E21" s="43">
        <v>8641280</v>
      </c>
      <c r="F21" s="43">
        <v>8640748</v>
      </c>
      <c r="G21" s="43">
        <v>8641565</v>
      </c>
      <c r="H21" s="43">
        <v>8668586</v>
      </c>
      <c r="I21" s="43">
        <v>8674693</v>
      </c>
      <c r="J21" s="43">
        <v>8677993</v>
      </c>
      <c r="K21" s="43">
        <v>8680615</v>
      </c>
      <c r="L21" s="43">
        <v>8684654</v>
      </c>
      <c r="M21" s="43">
        <v>8687422</v>
      </c>
      <c r="N21" s="43">
        <v>8692732</v>
      </c>
      <c r="O21" s="135">
        <v>8695931</v>
      </c>
      <c r="P21" s="136"/>
      <c r="Q21" s="70">
        <v>15</v>
      </c>
      <c r="R21" s="124"/>
      <c r="S21"/>
      <c r="T21"/>
    </row>
    <row r="22" spans="1:20" s="3" customFormat="1" ht="12" customHeight="1">
      <c r="A22" s="40"/>
      <c r="B22" s="70">
        <v>14</v>
      </c>
      <c r="C22" s="42"/>
      <c r="D22" s="43">
        <v>8575372</v>
      </c>
      <c r="E22" s="43">
        <v>8577784</v>
      </c>
      <c r="F22" s="43">
        <v>8578873</v>
      </c>
      <c r="G22" s="43">
        <v>8572726</v>
      </c>
      <c r="H22" s="43">
        <v>8606865</v>
      </c>
      <c r="I22" s="43">
        <v>8614190</v>
      </c>
      <c r="J22" s="43">
        <v>8616886</v>
      </c>
      <c r="K22" s="43">
        <v>8621337</v>
      </c>
      <c r="L22" s="43">
        <v>8625880</v>
      </c>
      <c r="M22" s="43">
        <v>8628787</v>
      </c>
      <c r="N22" s="43">
        <v>8634524</v>
      </c>
      <c r="O22" s="135">
        <v>8638175</v>
      </c>
      <c r="P22" s="136"/>
      <c r="Q22" s="70">
        <v>14</v>
      </c>
      <c r="R22" s="124"/>
      <c r="S22"/>
      <c r="T22"/>
    </row>
    <row r="23" spans="1:20" s="3" customFormat="1" ht="12" customHeight="1">
      <c r="A23" s="40"/>
      <c r="B23" s="70">
        <v>13</v>
      </c>
      <c r="C23" s="42"/>
      <c r="D23" s="43">
        <v>8503498</v>
      </c>
      <c r="E23" s="43">
        <v>8506983</v>
      </c>
      <c r="F23" s="43">
        <v>8507802</v>
      </c>
      <c r="G23" s="43">
        <v>8503950</v>
      </c>
      <c r="H23" s="43">
        <v>8534524</v>
      </c>
      <c r="I23" s="43">
        <v>8543348</v>
      </c>
      <c r="J23" s="43">
        <v>8547753</v>
      </c>
      <c r="K23" s="43">
        <v>8551899</v>
      </c>
      <c r="L23" s="43">
        <v>8558071</v>
      </c>
      <c r="M23" s="43">
        <v>8561001</v>
      </c>
      <c r="N23" s="43">
        <v>8569740</v>
      </c>
      <c r="O23" s="135">
        <v>8573449</v>
      </c>
      <c r="P23" s="136"/>
      <c r="Q23" s="70">
        <v>13</v>
      </c>
      <c r="R23" s="124"/>
      <c r="S23"/>
      <c r="T23"/>
    </row>
    <row r="24" spans="1:20" s="3" customFormat="1" ht="12" customHeight="1">
      <c r="A24" s="40"/>
      <c r="B24" s="70" t="s">
        <v>18</v>
      </c>
      <c r="C24" s="42"/>
      <c r="D24" s="43">
        <v>8446174</v>
      </c>
      <c r="E24" s="43">
        <v>8447789</v>
      </c>
      <c r="F24" s="43">
        <v>8447118</v>
      </c>
      <c r="G24" s="43">
        <v>8441464</v>
      </c>
      <c r="H24" s="43">
        <v>8469082</v>
      </c>
      <c r="I24" s="43">
        <v>8476353</v>
      </c>
      <c r="J24" s="43">
        <v>8479368</v>
      </c>
      <c r="K24" s="43">
        <v>8481898</v>
      </c>
      <c r="L24" s="43">
        <v>8488207</v>
      </c>
      <c r="M24" s="43">
        <v>8489974</v>
      </c>
      <c r="N24" s="43">
        <v>8496792</v>
      </c>
      <c r="O24" s="135">
        <v>8501436</v>
      </c>
      <c r="P24" s="136"/>
      <c r="Q24" s="70" t="s">
        <v>18</v>
      </c>
      <c r="R24" s="124"/>
      <c r="S24"/>
      <c r="T24"/>
    </row>
    <row r="25" spans="1:20" s="3" customFormat="1" ht="6.75" customHeight="1">
      <c r="A25" s="40"/>
      <c r="B25" s="70"/>
      <c r="C25" s="42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135"/>
      <c r="P25" s="136"/>
      <c r="Q25" s="70"/>
      <c r="R25" s="124"/>
      <c r="S25"/>
      <c r="T25"/>
    </row>
    <row r="26" spans="1:20" s="3" customFormat="1" ht="12" customHeight="1">
      <c r="A26" s="47"/>
      <c r="B26" s="74">
        <v>11</v>
      </c>
      <c r="C26" s="49"/>
      <c r="D26" s="50">
        <v>8398336</v>
      </c>
      <c r="E26" s="50">
        <v>8398271</v>
      </c>
      <c r="F26" s="50">
        <v>8397311</v>
      </c>
      <c r="G26" s="50">
        <v>8392402</v>
      </c>
      <c r="H26" s="50">
        <v>8419574</v>
      </c>
      <c r="I26" s="50">
        <v>8425391</v>
      </c>
      <c r="J26" s="50">
        <v>8427436</v>
      </c>
      <c r="K26" s="50">
        <v>8429422</v>
      </c>
      <c r="L26" s="50">
        <v>8434333</v>
      </c>
      <c r="M26" s="50">
        <v>8436490</v>
      </c>
      <c r="N26" s="50">
        <v>8439894</v>
      </c>
      <c r="O26" s="131">
        <v>8443701</v>
      </c>
      <c r="P26" s="132"/>
      <c r="Q26" s="74">
        <v>11</v>
      </c>
      <c r="R26" s="133"/>
      <c r="S26"/>
      <c r="T26"/>
    </row>
    <row r="27" spans="1:20" s="3" customFormat="1" ht="12" customHeight="1">
      <c r="A27" s="40"/>
      <c r="B27" s="70">
        <v>10</v>
      </c>
      <c r="C27" s="42"/>
      <c r="D27" s="43">
        <v>8340837</v>
      </c>
      <c r="E27" s="43">
        <v>8342266</v>
      </c>
      <c r="F27" s="43">
        <v>8341756</v>
      </c>
      <c r="G27" s="43">
        <v>8335821</v>
      </c>
      <c r="H27" s="43">
        <v>8367264</v>
      </c>
      <c r="I27" s="43">
        <v>8373950</v>
      </c>
      <c r="J27" s="43">
        <v>8378473</v>
      </c>
      <c r="K27" s="43">
        <v>8380178</v>
      </c>
      <c r="L27" s="43">
        <v>8386812</v>
      </c>
      <c r="M27" s="43">
        <v>8389140</v>
      </c>
      <c r="N27" s="43">
        <v>8394458</v>
      </c>
      <c r="O27" s="135">
        <v>8396440</v>
      </c>
      <c r="P27" s="136"/>
      <c r="Q27" s="70">
        <v>10</v>
      </c>
      <c r="R27" s="124"/>
      <c r="S27"/>
      <c r="T27"/>
    </row>
    <row r="28" spans="1:20" s="3" customFormat="1" ht="12" customHeight="1">
      <c r="A28" s="40"/>
      <c r="B28" s="70">
        <v>9</v>
      </c>
      <c r="C28" s="42"/>
      <c r="D28" s="43">
        <v>8295504</v>
      </c>
      <c r="E28" s="43">
        <v>8295375</v>
      </c>
      <c r="F28" s="43">
        <v>8294035</v>
      </c>
      <c r="G28" s="43">
        <v>8282288</v>
      </c>
      <c r="H28" s="43">
        <v>8313213</v>
      </c>
      <c r="I28" s="43">
        <v>8318976</v>
      </c>
      <c r="J28" s="43">
        <v>8320339</v>
      </c>
      <c r="K28" s="43">
        <v>8321227</v>
      </c>
      <c r="L28" s="43">
        <v>8326923</v>
      </c>
      <c r="M28" s="43">
        <v>8329289</v>
      </c>
      <c r="N28" s="43">
        <v>8333672</v>
      </c>
      <c r="O28" s="135">
        <v>8338301</v>
      </c>
      <c r="P28" s="136"/>
      <c r="Q28" s="70">
        <v>9</v>
      </c>
      <c r="R28" s="124"/>
      <c r="S28"/>
      <c r="T28"/>
    </row>
    <row r="29" spans="1:20" s="3" customFormat="1" ht="12" customHeight="1">
      <c r="A29" s="40"/>
      <c r="B29" s="70">
        <v>8</v>
      </c>
      <c r="C29" s="42"/>
      <c r="D29" s="43">
        <v>8252665</v>
      </c>
      <c r="E29" s="43">
        <v>8253570</v>
      </c>
      <c r="F29" s="43">
        <v>8252100</v>
      </c>
      <c r="G29" s="43">
        <v>8232106</v>
      </c>
      <c r="H29" s="43">
        <v>8265950</v>
      </c>
      <c r="I29" s="43">
        <v>8272760</v>
      </c>
      <c r="J29" s="43">
        <v>8275647</v>
      </c>
      <c r="K29" s="43">
        <v>8277078</v>
      </c>
      <c r="L29" s="43">
        <v>8282160</v>
      </c>
      <c r="M29" s="43">
        <v>8285030</v>
      </c>
      <c r="N29" s="43">
        <v>8289200</v>
      </c>
      <c r="O29" s="135">
        <v>8293339</v>
      </c>
      <c r="P29" s="136"/>
      <c r="Q29" s="70">
        <v>8</v>
      </c>
      <c r="R29" s="124"/>
      <c r="S29"/>
      <c r="T29"/>
    </row>
    <row r="30" spans="1:20" s="3" customFormat="1" ht="12" customHeight="1">
      <c r="A30" s="40"/>
      <c r="B30" s="70" t="s">
        <v>19</v>
      </c>
      <c r="C30" s="42"/>
      <c r="D30" s="43">
        <v>8238840</v>
      </c>
      <c r="E30" s="43">
        <v>8240571</v>
      </c>
      <c r="F30" s="43">
        <v>8238632</v>
      </c>
      <c r="G30" s="43">
        <v>8221618</v>
      </c>
      <c r="H30" s="43">
        <v>8251296</v>
      </c>
      <c r="I30" s="43">
        <v>8258718</v>
      </c>
      <c r="J30" s="43">
        <v>8260247</v>
      </c>
      <c r="K30" s="43">
        <v>8259141</v>
      </c>
      <c r="L30" s="43">
        <v>8264521</v>
      </c>
      <c r="M30" s="43">
        <v>8245900</v>
      </c>
      <c r="N30" s="43">
        <v>8249538</v>
      </c>
      <c r="O30" s="135">
        <v>8253021</v>
      </c>
      <c r="P30" s="136"/>
      <c r="Q30" s="70" t="s">
        <v>19</v>
      </c>
      <c r="R30" s="124"/>
      <c r="S30"/>
      <c r="T30"/>
    </row>
    <row r="31" spans="1:20" s="3" customFormat="1" ht="6.75" customHeight="1">
      <c r="A31" s="40"/>
      <c r="B31" s="70"/>
      <c r="C31" s="42"/>
      <c r="D31" s="43"/>
      <c r="E31" s="43"/>
      <c r="F31" s="43"/>
      <c r="G31" s="43"/>
      <c r="H31" s="43"/>
      <c r="I31" s="43"/>
      <c r="J31" s="43"/>
      <c r="K31" s="43"/>
      <c r="L31" s="43"/>
      <c r="M31" s="43"/>
      <c r="N31" s="43"/>
      <c r="O31" s="135"/>
      <c r="P31" s="136"/>
      <c r="Q31" s="70"/>
      <c r="R31" s="124"/>
      <c r="S31"/>
      <c r="T31"/>
    </row>
    <row r="32" spans="1:20" ht="12" customHeight="1">
      <c r="A32" s="47"/>
      <c r="B32" s="74">
        <v>6</v>
      </c>
      <c r="C32" s="49"/>
      <c r="D32" s="50">
        <v>8196872</v>
      </c>
      <c r="E32" s="50">
        <v>8197526</v>
      </c>
      <c r="F32" s="50">
        <v>8193262</v>
      </c>
      <c r="G32" s="50">
        <v>8178713</v>
      </c>
      <c r="H32" s="50">
        <v>8209489</v>
      </c>
      <c r="I32" s="50">
        <v>8217650</v>
      </c>
      <c r="J32" s="50">
        <v>8220367</v>
      </c>
      <c r="K32" s="50">
        <v>8219525</v>
      </c>
      <c r="L32" s="50">
        <v>8225905</v>
      </c>
      <c r="M32" s="50">
        <v>8228033</v>
      </c>
      <c r="N32" s="50">
        <v>8232735</v>
      </c>
      <c r="O32" s="131">
        <v>8237053</v>
      </c>
      <c r="P32" s="132"/>
      <c r="Q32" s="74">
        <v>6</v>
      </c>
      <c r="R32" s="133"/>
    </row>
    <row r="33" spans="1:20" s="3" customFormat="1" ht="12" customHeight="1">
      <c r="A33" s="40"/>
      <c r="B33" s="70">
        <v>5</v>
      </c>
      <c r="C33" s="42"/>
      <c r="D33" s="43">
        <v>8148512</v>
      </c>
      <c r="E33" s="43">
        <v>8149547</v>
      </c>
      <c r="F33" s="43">
        <v>8149282</v>
      </c>
      <c r="G33" s="43">
        <v>8133824</v>
      </c>
      <c r="H33" s="43">
        <v>8171572</v>
      </c>
      <c r="I33" s="43">
        <v>8177717</v>
      </c>
      <c r="J33" s="43">
        <v>8181366</v>
      </c>
      <c r="K33" s="43">
        <v>8181225</v>
      </c>
      <c r="L33" s="43">
        <v>8186190</v>
      </c>
      <c r="M33" s="43">
        <v>8187799</v>
      </c>
      <c r="N33" s="43">
        <v>8191243</v>
      </c>
      <c r="O33" s="135">
        <v>8194483</v>
      </c>
      <c r="P33" s="136"/>
      <c r="Q33" s="70">
        <v>5</v>
      </c>
      <c r="R33" s="124"/>
      <c r="S33"/>
      <c r="T33"/>
    </row>
    <row r="34" spans="1:20" s="3" customFormat="1" ht="12" customHeight="1">
      <c r="A34" s="40"/>
      <c r="B34" s="70">
        <v>4</v>
      </c>
      <c r="C34" s="42"/>
      <c r="D34" s="43">
        <v>8084849</v>
      </c>
      <c r="E34" s="43">
        <v>8086971</v>
      </c>
      <c r="F34" s="43">
        <v>8087093</v>
      </c>
      <c r="G34" s="43">
        <v>8074302</v>
      </c>
      <c r="H34" s="43">
        <v>8118623</v>
      </c>
      <c r="I34" s="43">
        <v>8127547</v>
      </c>
      <c r="J34" s="43">
        <v>8131744</v>
      </c>
      <c r="K34" s="43">
        <v>8130948</v>
      </c>
      <c r="L34" s="43">
        <v>8135110</v>
      </c>
      <c r="M34" s="43">
        <v>8137615</v>
      </c>
      <c r="N34" s="43">
        <v>8142036</v>
      </c>
      <c r="O34" s="135">
        <v>8146441</v>
      </c>
      <c r="P34" s="136"/>
      <c r="Q34" s="70">
        <v>4</v>
      </c>
      <c r="R34" s="124"/>
      <c r="S34"/>
      <c r="T34"/>
    </row>
    <row r="35" spans="1:20" s="3" customFormat="1" ht="12" customHeight="1">
      <c r="A35" s="40"/>
      <c r="B35" s="70">
        <v>3</v>
      </c>
      <c r="C35" s="42"/>
      <c r="D35" s="43">
        <v>7998747</v>
      </c>
      <c r="E35" s="43">
        <v>8003155</v>
      </c>
      <c r="F35" s="43">
        <v>8004094</v>
      </c>
      <c r="G35" s="43">
        <v>7988686</v>
      </c>
      <c r="H35" s="43">
        <v>8038495</v>
      </c>
      <c r="I35" s="43">
        <v>8050786</v>
      </c>
      <c r="J35" s="43">
        <v>8056579</v>
      </c>
      <c r="K35" s="43">
        <v>8059054</v>
      </c>
      <c r="L35" s="43">
        <v>8064518</v>
      </c>
      <c r="M35" s="43">
        <v>8069545</v>
      </c>
      <c r="N35" s="43">
        <v>8074862</v>
      </c>
      <c r="O35" s="135">
        <v>8080974</v>
      </c>
      <c r="P35" s="136"/>
      <c r="Q35" s="70">
        <v>3</v>
      </c>
      <c r="R35" s="124"/>
      <c r="S35"/>
      <c r="T35"/>
    </row>
    <row r="36" spans="1:20" s="3" customFormat="1" ht="12" customHeight="1">
      <c r="A36" s="40"/>
      <c r="B36" s="70" t="s">
        <v>20</v>
      </c>
      <c r="C36" s="42"/>
      <c r="D36" s="43">
        <v>7910382</v>
      </c>
      <c r="E36" s="43">
        <v>7914216</v>
      </c>
      <c r="F36" s="43">
        <v>7915896</v>
      </c>
      <c r="G36" s="43">
        <v>7902528</v>
      </c>
      <c r="H36" s="43">
        <v>7953079</v>
      </c>
      <c r="I36" s="43">
        <v>7967598</v>
      </c>
      <c r="J36" s="43">
        <v>7974372</v>
      </c>
      <c r="K36" s="43">
        <v>7976278</v>
      </c>
      <c r="L36" s="43">
        <v>7984004</v>
      </c>
      <c r="M36" s="43">
        <v>7980391</v>
      </c>
      <c r="N36" s="43">
        <v>7987942</v>
      </c>
      <c r="O36" s="135">
        <v>7993665</v>
      </c>
      <c r="P36" s="136"/>
      <c r="Q36" s="70" t="s">
        <v>20</v>
      </c>
      <c r="R36" s="124"/>
      <c r="S36"/>
      <c r="T36"/>
    </row>
    <row r="37" spans="1:20" s="3" customFormat="1" ht="6.75" customHeight="1">
      <c r="A37" s="40"/>
      <c r="B37" s="70"/>
      <c r="C37" s="42"/>
      <c r="D37" s="43"/>
      <c r="E37" s="43"/>
      <c r="F37" s="43"/>
      <c r="G37" s="43"/>
      <c r="H37" s="43"/>
      <c r="I37" s="43"/>
      <c r="J37" s="43"/>
      <c r="K37" s="43"/>
      <c r="L37" s="43"/>
      <c r="M37" s="43"/>
      <c r="N37" s="43"/>
      <c r="O37" s="135"/>
      <c r="P37" s="136"/>
      <c r="Q37" s="70"/>
      <c r="R37" s="124"/>
      <c r="S37"/>
      <c r="T37"/>
    </row>
    <row r="38" spans="1:20" ht="12" customHeight="1">
      <c r="A38" s="47"/>
      <c r="B38" s="74" t="s">
        <v>21</v>
      </c>
      <c r="C38" s="49"/>
      <c r="D38" s="50">
        <v>7810104</v>
      </c>
      <c r="E38" s="50">
        <v>7813982</v>
      </c>
      <c r="F38" s="50">
        <v>7816731</v>
      </c>
      <c r="G38" s="50">
        <v>7807451</v>
      </c>
      <c r="H38" s="50">
        <v>7854850</v>
      </c>
      <c r="I38" s="50">
        <v>7867672</v>
      </c>
      <c r="J38" s="50">
        <v>7873959</v>
      </c>
      <c r="K38" s="50">
        <v>7875430</v>
      </c>
      <c r="L38" s="50">
        <v>7884008</v>
      </c>
      <c r="M38" s="50">
        <v>7889271</v>
      </c>
      <c r="N38" s="50">
        <v>7897204</v>
      </c>
      <c r="O38" s="131">
        <v>7905463</v>
      </c>
      <c r="P38" s="132"/>
      <c r="Q38" s="74" t="s">
        <v>21</v>
      </c>
      <c r="R38" s="133"/>
    </row>
    <row r="39" spans="1:20" s="3" customFormat="1" ht="12" customHeight="1">
      <c r="A39" s="40"/>
      <c r="B39" s="70" t="s">
        <v>22</v>
      </c>
      <c r="C39" s="42"/>
      <c r="D39" s="43">
        <v>7701087</v>
      </c>
      <c r="E39" s="43">
        <v>7706540</v>
      </c>
      <c r="F39" s="43">
        <v>7709914</v>
      </c>
      <c r="G39" s="43">
        <v>7701076</v>
      </c>
      <c r="H39" s="43">
        <v>7749498</v>
      </c>
      <c r="I39" s="43">
        <v>7762778</v>
      </c>
      <c r="J39" s="43">
        <v>7770335</v>
      </c>
      <c r="K39" s="43">
        <v>7772649</v>
      </c>
      <c r="L39" s="43">
        <v>7781946</v>
      </c>
      <c r="M39" s="43">
        <v>7788126</v>
      </c>
      <c r="N39" s="43">
        <v>7796552</v>
      </c>
      <c r="O39" s="135">
        <v>7804511</v>
      </c>
      <c r="P39" s="136"/>
      <c r="Q39" s="70" t="s">
        <v>22</v>
      </c>
      <c r="R39" s="124"/>
      <c r="S39"/>
      <c r="T39"/>
    </row>
    <row r="40" spans="1:20" s="3" customFormat="1" ht="12" customHeight="1">
      <c r="A40" s="40"/>
      <c r="B40" s="70">
        <v>62</v>
      </c>
      <c r="C40" s="42"/>
      <c r="D40" s="43">
        <v>7572197</v>
      </c>
      <c r="E40" s="43">
        <v>7578162</v>
      </c>
      <c r="F40" s="43">
        <v>7582129</v>
      </c>
      <c r="G40" s="43">
        <v>7581610</v>
      </c>
      <c r="H40" s="43">
        <v>7632829</v>
      </c>
      <c r="I40" s="43">
        <v>7646291</v>
      </c>
      <c r="J40" s="43">
        <v>7656915</v>
      </c>
      <c r="K40" s="43">
        <v>7660282</v>
      </c>
      <c r="L40" s="43">
        <v>7670731</v>
      </c>
      <c r="M40" s="43">
        <v>7679277</v>
      </c>
      <c r="N40" s="43">
        <v>7687690</v>
      </c>
      <c r="O40" s="135">
        <v>7695909</v>
      </c>
      <c r="P40" s="136"/>
      <c r="Q40" s="70">
        <v>62</v>
      </c>
      <c r="R40" s="124"/>
      <c r="S40"/>
      <c r="T40"/>
    </row>
    <row r="41" spans="1:20" s="3" customFormat="1" ht="12" customHeight="1">
      <c r="A41" s="40"/>
      <c r="B41" s="70">
        <v>61</v>
      </c>
      <c r="C41" s="42"/>
      <c r="D41" s="43">
        <v>7452253</v>
      </c>
      <c r="E41" s="43">
        <v>7457087</v>
      </c>
      <c r="F41" s="43">
        <v>7460014</v>
      </c>
      <c r="G41" s="43">
        <v>7457041</v>
      </c>
      <c r="H41" s="43">
        <v>7506939</v>
      </c>
      <c r="I41" s="43">
        <v>7517450</v>
      </c>
      <c r="J41" s="43">
        <v>7526013</v>
      </c>
      <c r="K41" s="43">
        <v>7529720</v>
      </c>
      <c r="L41" s="43">
        <v>7540229</v>
      </c>
      <c r="M41" s="43">
        <v>7549807</v>
      </c>
      <c r="N41" s="43">
        <v>7556838</v>
      </c>
      <c r="O41" s="135">
        <v>7565772</v>
      </c>
      <c r="P41" s="136"/>
      <c r="Q41" s="70">
        <v>61</v>
      </c>
      <c r="R41" s="124"/>
      <c r="S41"/>
      <c r="T41"/>
    </row>
    <row r="42" spans="1:20" s="3" customFormat="1" ht="12" customHeight="1">
      <c r="A42" s="40"/>
      <c r="B42" s="70" t="s">
        <v>23</v>
      </c>
      <c r="C42" s="42"/>
      <c r="D42" s="43">
        <v>7349993</v>
      </c>
      <c r="E42" s="43">
        <v>7353501</v>
      </c>
      <c r="F42" s="43">
        <v>7355680</v>
      </c>
      <c r="G42" s="43">
        <v>7345091</v>
      </c>
      <c r="H42" s="43">
        <v>7396760</v>
      </c>
      <c r="I42" s="43">
        <v>7407168</v>
      </c>
      <c r="J42" s="43">
        <v>7413348</v>
      </c>
      <c r="K42" s="43">
        <v>7416579</v>
      </c>
      <c r="L42" s="43">
        <v>7425625</v>
      </c>
      <c r="M42" s="43">
        <v>7431974</v>
      </c>
      <c r="N42" s="43">
        <v>7438472</v>
      </c>
      <c r="O42" s="135">
        <v>7445657</v>
      </c>
      <c r="P42" s="136"/>
      <c r="Q42" s="70" t="s">
        <v>23</v>
      </c>
      <c r="R42" s="124"/>
      <c r="S42"/>
      <c r="T42"/>
    </row>
    <row r="43" spans="1:20" s="3" customFormat="1" ht="6.75" customHeight="1">
      <c r="A43" s="40"/>
      <c r="B43" s="70"/>
      <c r="C43" s="42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135"/>
      <c r="P43" s="136"/>
      <c r="Q43" s="70"/>
      <c r="R43" s="124"/>
      <c r="S43"/>
      <c r="T43"/>
    </row>
    <row r="44" spans="1:20" ht="12" customHeight="1">
      <c r="A44" s="47"/>
      <c r="B44" s="74">
        <v>59</v>
      </c>
      <c r="C44" s="49"/>
      <c r="D44" s="50">
        <v>7248578</v>
      </c>
      <c r="E44" s="50">
        <v>7253074</v>
      </c>
      <c r="F44" s="50">
        <v>7255286</v>
      </c>
      <c r="G44" s="50">
        <v>7247089</v>
      </c>
      <c r="H44" s="50">
        <v>7292205</v>
      </c>
      <c r="I44" s="50">
        <v>7303786</v>
      </c>
      <c r="J44" s="50">
        <v>7310055</v>
      </c>
      <c r="K44" s="50">
        <v>7312164</v>
      </c>
      <c r="L44" s="50">
        <v>7321708</v>
      </c>
      <c r="M44" s="50">
        <v>7327697</v>
      </c>
      <c r="N44" s="50">
        <v>7336014</v>
      </c>
      <c r="O44" s="131">
        <v>7342811</v>
      </c>
      <c r="P44" s="132"/>
      <c r="Q44" s="74">
        <v>59</v>
      </c>
      <c r="R44" s="133"/>
    </row>
    <row r="45" spans="1:20" s="3" customFormat="1" ht="12" customHeight="1">
      <c r="A45" s="40"/>
      <c r="B45" s="70">
        <v>58</v>
      </c>
      <c r="C45" s="42"/>
      <c r="D45" s="43">
        <v>7148043</v>
      </c>
      <c r="E45" s="43">
        <v>7152275</v>
      </c>
      <c r="F45" s="43">
        <v>7154047</v>
      </c>
      <c r="G45" s="43">
        <v>7148308</v>
      </c>
      <c r="H45" s="43">
        <v>7193794</v>
      </c>
      <c r="I45" s="43">
        <v>7204900</v>
      </c>
      <c r="J45" s="43">
        <v>7211622</v>
      </c>
      <c r="K45" s="43">
        <v>7212268</v>
      </c>
      <c r="L45" s="43">
        <v>7221030</v>
      </c>
      <c r="M45" s="43">
        <v>7226033</v>
      </c>
      <c r="N45" s="43">
        <v>7234456</v>
      </c>
      <c r="O45" s="135">
        <v>7242308</v>
      </c>
      <c r="P45" s="136"/>
      <c r="Q45" s="70">
        <v>58</v>
      </c>
      <c r="R45" s="124"/>
      <c r="S45"/>
      <c r="T45"/>
    </row>
    <row r="46" spans="1:20" s="3" customFormat="1" ht="12" customHeight="1">
      <c r="A46" s="40"/>
      <c r="B46" s="70">
        <v>57</v>
      </c>
      <c r="C46" s="42"/>
      <c r="D46" s="43">
        <v>7044560</v>
      </c>
      <c r="E46" s="43">
        <v>7049454</v>
      </c>
      <c r="F46" s="43">
        <v>7051786</v>
      </c>
      <c r="G46" s="43">
        <v>7043231</v>
      </c>
      <c r="H46" s="43">
        <v>7091476</v>
      </c>
      <c r="I46" s="43">
        <v>7103484</v>
      </c>
      <c r="J46" s="43">
        <v>7110584</v>
      </c>
      <c r="K46" s="43">
        <v>7111517</v>
      </c>
      <c r="L46" s="43">
        <v>7120937</v>
      </c>
      <c r="M46" s="43">
        <v>7127764</v>
      </c>
      <c r="N46" s="43">
        <v>7134491</v>
      </c>
      <c r="O46" s="135">
        <v>7142470</v>
      </c>
      <c r="P46" s="136"/>
      <c r="Q46" s="70">
        <v>57</v>
      </c>
      <c r="R46" s="124"/>
      <c r="S46"/>
      <c r="T46"/>
    </row>
    <row r="47" spans="1:20" ht="12" customHeight="1">
      <c r="A47" s="40"/>
      <c r="B47" s="70">
        <v>56</v>
      </c>
      <c r="C47" s="42"/>
      <c r="D47" s="43">
        <v>6943574</v>
      </c>
      <c r="E47" s="43">
        <v>6948738</v>
      </c>
      <c r="F47" s="43">
        <v>6950845</v>
      </c>
      <c r="G47" s="43">
        <v>6943675</v>
      </c>
      <c r="H47" s="43">
        <v>6986825</v>
      </c>
      <c r="I47" s="43">
        <v>6996865</v>
      </c>
      <c r="J47" s="43">
        <v>7004818</v>
      </c>
      <c r="K47" s="43">
        <v>7005286</v>
      </c>
      <c r="L47" s="43">
        <v>7013823</v>
      </c>
      <c r="M47" s="43">
        <v>7021284</v>
      </c>
      <c r="N47" s="43">
        <v>7029194</v>
      </c>
      <c r="O47" s="135">
        <v>7038381</v>
      </c>
      <c r="P47" s="136"/>
      <c r="Q47" s="70">
        <v>56</v>
      </c>
      <c r="R47" s="124"/>
    </row>
    <row r="48" spans="1:20" ht="12" customHeight="1">
      <c r="A48" s="40"/>
      <c r="B48" s="70" t="s">
        <v>24</v>
      </c>
      <c r="C48" s="42"/>
      <c r="D48" s="43">
        <v>6857040</v>
      </c>
      <c r="E48" s="43">
        <v>6860777</v>
      </c>
      <c r="F48" s="43">
        <v>6862617</v>
      </c>
      <c r="G48" s="43">
        <v>6849315</v>
      </c>
      <c r="H48" s="43">
        <v>6894044</v>
      </c>
      <c r="I48" s="43">
        <v>6904032</v>
      </c>
      <c r="J48" s="43">
        <v>6910532</v>
      </c>
      <c r="K48" s="43">
        <v>6911199</v>
      </c>
      <c r="L48" s="43">
        <v>6917751</v>
      </c>
      <c r="M48" s="43">
        <v>6924348</v>
      </c>
      <c r="N48" s="43">
        <v>6930202</v>
      </c>
      <c r="O48" s="135">
        <v>6937874</v>
      </c>
      <c r="P48" s="136"/>
      <c r="Q48" s="70" t="s">
        <v>24</v>
      </c>
      <c r="R48" s="124"/>
    </row>
    <row r="49" spans="1:18" ht="6.75" customHeight="1">
      <c r="A49" s="40"/>
      <c r="B49" s="70"/>
      <c r="C49" s="42"/>
      <c r="D49" s="43"/>
      <c r="E49" s="43"/>
      <c r="F49" s="43"/>
      <c r="G49" s="43"/>
      <c r="H49" s="43"/>
      <c r="I49" s="43"/>
      <c r="J49" s="43"/>
      <c r="K49" s="43"/>
      <c r="L49" s="43"/>
      <c r="M49" s="43"/>
      <c r="N49" s="43"/>
      <c r="O49" s="135"/>
      <c r="P49" s="136"/>
      <c r="Q49" s="70"/>
      <c r="R49" s="124"/>
    </row>
    <row r="50" spans="1:18" ht="12" customHeight="1">
      <c r="A50" s="47"/>
      <c r="B50" s="74">
        <v>54</v>
      </c>
      <c r="C50" s="49"/>
      <c r="D50" s="50">
        <v>6759223</v>
      </c>
      <c r="E50" s="50">
        <v>6763909</v>
      </c>
      <c r="F50" s="50">
        <v>6766919</v>
      </c>
      <c r="G50" s="50">
        <v>6754758</v>
      </c>
      <c r="H50" s="50">
        <v>6795518</v>
      </c>
      <c r="I50" s="50">
        <v>6809807</v>
      </c>
      <c r="J50" s="50">
        <v>6817906</v>
      </c>
      <c r="K50" s="50">
        <v>6821002</v>
      </c>
      <c r="L50" s="50">
        <v>6826289</v>
      </c>
      <c r="M50" s="50">
        <v>6832038</v>
      </c>
      <c r="N50" s="50">
        <v>6841288</v>
      </c>
      <c r="O50" s="131">
        <v>6849053</v>
      </c>
      <c r="P50" s="132"/>
      <c r="Q50" s="74">
        <v>54</v>
      </c>
      <c r="R50" s="133"/>
    </row>
    <row r="51" spans="1:18" ht="12" customHeight="1">
      <c r="A51" s="40"/>
      <c r="B51" s="70">
        <v>53</v>
      </c>
      <c r="C51" s="42"/>
      <c r="D51" s="43">
        <v>6646694</v>
      </c>
      <c r="E51" s="43">
        <v>6651231</v>
      </c>
      <c r="F51" s="43">
        <v>6653791</v>
      </c>
      <c r="G51" s="43">
        <v>6646461</v>
      </c>
      <c r="H51" s="43">
        <v>6687921</v>
      </c>
      <c r="I51" s="43">
        <v>6702334</v>
      </c>
      <c r="J51" s="43">
        <v>6710291</v>
      </c>
      <c r="K51" s="43">
        <v>6713616</v>
      </c>
      <c r="L51" s="43">
        <v>6723585</v>
      </c>
      <c r="M51" s="43">
        <v>6730324</v>
      </c>
      <c r="N51" s="43">
        <v>6740298</v>
      </c>
      <c r="O51" s="135">
        <v>6749895</v>
      </c>
      <c r="P51" s="136"/>
      <c r="Q51" s="70">
        <v>53</v>
      </c>
      <c r="R51" s="124"/>
    </row>
    <row r="52" spans="1:18" ht="12" customHeight="1">
      <c r="A52" s="40"/>
      <c r="B52" s="70">
        <v>52</v>
      </c>
      <c r="C52" s="42"/>
      <c r="D52" s="43">
        <v>6534674</v>
      </c>
      <c r="E52" s="43">
        <v>6539615</v>
      </c>
      <c r="F52" s="43">
        <v>6543012</v>
      </c>
      <c r="G52" s="43">
        <v>6537329</v>
      </c>
      <c r="H52" s="43">
        <v>6577688</v>
      </c>
      <c r="I52" s="43">
        <v>6592199</v>
      </c>
      <c r="J52" s="43">
        <v>6600080</v>
      </c>
      <c r="K52" s="43">
        <v>6600496</v>
      </c>
      <c r="L52" s="43">
        <v>6610481</v>
      </c>
      <c r="M52" s="43">
        <v>6616844</v>
      </c>
      <c r="N52" s="43">
        <v>6626671</v>
      </c>
      <c r="O52" s="135">
        <v>6637755</v>
      </c>
      <c r="P52" s="136"/>
      <c r="Q52" s="70">
        <v>52</v>
      </c>
      <c r="R52" s="124"/>
    </row>
    <row r="53" spans="1:18" ht="12" customHeight="1">
      <c r="A53" s="40"/>
      <c r="B53" s="70">
        <v>51</v>
      </c>
      <c r="C53" s="42"/>
      <c r="D53" s="43">
        <v>6421325</v>
      </c>
      <c r="E53" s="43">
        <v>6426989</v>
      </c>
      <c r="F53" s="43">
        <v>6430847</v>
      </c>
      <c r="G53" s="43">
        <v>6427100</v>
      </c>
      <c r="H53" s="43">
        <v>6466269</v>
      </c>
      <c r="I53" s="43">
        <v>6480497</v>
      </c>
      <c r="J53" s="43">
        <v>6490356</v>
      </c>
      <c r="K53" s="43">
        <v>6491448</v>
      </c>
      <c r="L53" s="43">
        <v>6502236</v>
      </c>
      <c r="M53" s="43">
        <v>6508725</v>
      </c>
      <c r="N53" s="43">
        <v>6516042</v>
      </c>
      <c r="O53" s="135">
        <v>6526822</v>
      </c>
      <c r="P53" s="136"/>
      <c r="Q53" s="70">
        <v>51</v>
      </c>
      <c r="R53" s="124"/>
    </row>
    <row r="54" spans="1:18" ht="12" customHeight="1">
      <c r="A54" s="40"/>
      <c r="B54" s="70" t="s">
        <v>25</v>
      </c>
      <c r="C54" s="42"/>
      <c r="D54" s="43">
        <v>6295998</v>
      </c>
      <c r="E54" s="43">
        <v>6303289</v>
      </c>
      <c r="F54" s="43">
        <v>6307709</v>
      </c>
      <c r="G54" s="43">
        <v>6301070</v>
      </c>
      <c r="H54" s="43">
        <v>6347258</v>
      </c>
      <c r="I54" s="43">
        <v>6364055</v>
      </c>
      <c r="J54" s="43">
        <v>6375537</v>
      </c>
      <c r="K54" s="43">
        <v>6381352</v>
      </c>
      <c r="L54" s="43">
        <v>6389051</v>
      </c>
      <c r="M54" s="43">
        <v>6397748</v>
      </c>
      <c r="N54" s="43">
        <v>6404969</v>
      </c>
      <c r="O54" s="135">
        <v>6413620</v>
      </c>
      <c r="P54" s="136"/>
      <c r="Q54" s="70" t="s">
        <v>25</v>
      </c>
      <c r="R54" s="124"/>
    </row>
    <row r="55" spans="1:18" ht="6.75" customHeight="1">
      <c r="A55" s="40"/>
      <c r="B55" s="70"/>
      <c r="C55" s="42"/>
      <c r="D55" s="43"/>
      <c r="E55" s="43"/>
      <c r="F55" s="43"/>
      <c r="G55" s="43"/>
      <c r="H55" s="43"/>
      <c r="I55" s="43"/>
      <c r="J55" s="43"/>
      <c r="K55" s="43"/>
      <c r="L55" s="43"/>
      <c r="M55" s="43"/>
      <c r="N55" s="43"/>
      <c r="O55" s="135"/>
      <c r="P55" s="136"/>
      <c r="Q55" s="70"/>
      <c r="R55" s="124"/>
    </row>
    <row r="56" spans="1:18" ht="12" customHeight="1">
      <c r="A56" s="47"/>
      <c r="B56" s="74">
        <v>49</v>
      </c>
      <c r="C56" s="49"/>
      <c r="D56" s="50">
        <v>6138096</v>
      </c>
      <c r="E56" s="50">
        <v>6146991</v>
      </c>
      <c r="F56" s="50">
        <v>6153341</v>
      </c>
      <c r="G56" s="50">
        <v>6149373</v>
      </c>
      <c r="H56" s="50">
        <v>6200941</v>
      </c>
      <c r="I56" s="50">
        <v>6220024</v>
      </c>
      <c r="J56" s="50">
        <v>6233817</v>
      </c>
      <c r="K56" s="50">
        <v>6240472</v>
      </c>
      <c r="L56" s="50">
        <v>6251004</v>
      </c>
      <c r="M56" s="50">
        <v>6260996</v>
      </c>
      <c r="N56" s="50">
        <v>6272756</v>
      </c>
      <c r="O56" s="131">
        <v>6284106</v>
      </c>
      <c r="P56" s="132"/>
      <c r="Q56" s="74">
        <v>49</v>
      </c>
      <c r="R56" s="133"/>
    </row>
    <row r="57" spans="1:18" ht="12" customHeight="1">
      <c r="A57" s="40"/>
      <c r="B57" s="70">
        <v>48</v>
      </c>
      <c r="C57" s="42"/>
      <c r="D57" s="43">
        <v>5958190</v>
      </c>
      <c r="E57" s="43">
        <v>5968472</v>
      </c>
      <c r="F57" s="43">
        <v>5975871</v>
      </c>
      <c r="G57" s="43">
        <v>5978797</v>
      </c>
      <c r="H57" s="43">
        <v>6030418</v>
      </c>
      <c r="I57" s="43">
        <v>6052726</v>
      </c>
      <c r="J57" s="43">
        <v>6065589</v>
      </c>
      <c r="K57" s="43">
        <v>6073201</v>
      </c>
      <c r="L57" s="43">
        <v>6086977</v>
      </c>
      <c r="M57" s="43">
        <v>6097403</v>
      </c>
      <c r="N57" s="43">
        <v>6110991</v>
      </c>
      <c r="O57" s="135">
        <v>6127010</v>
      </c>
      <c r="P57" s="136"/>
      <c r="Q57" s="70">
        <v>48</v>
      </c>
      <c r="R57" s="124"/>
    </row>
    <row r="58" spans="1:18" ht="12" customHeight="1">
      <c r="A58" s="40"/>
      <c r="B58" s="70">
        <v>47</v>
      </c>
      <c r="C58" s="42"/>
      <c r="D58" s="43">
        <v>5758256</v>
      </c>
      <c r="E58" s="43">
        <v>5769765</v>
      </c>
      <c r="F58" s="43">
        <v>5779574</v>
      </c>
      <c r="G58" s="43">
        <v>5790070</v>
      </c>
      <c r="H58" s="43">
        <v>5841764</v>
      </c>
      <c r="I58" s="43">
        <v>5866778</v>
      </c>
      <c r="J58" s="43">
        <v>5882354</v>
      </c>
      <c r="K58" s="43">
        <v>5890181</v>
      </c>
      <c r="L58" s="43">
        <v>5903987</v>
      </c>
      <c r="M58" s="43">
        <v>5914816</v>
      </c>
      <c r="N58" s="43">
        <v>5929202</v>
      </c>
      <c r="O58" s="135">
        <v>5944440</v>
      </c>
      <c r="P58" s="136"/>
      <c r="Q58" s="70">
        <v>47</v>
      </c>
      <c r="R58" s="124"/>
    </row>
    <row r="59" spans="1:18" ht="12" customHeight="1">
      <c r="A59" s="40"/>
      <c r="B59" s="70">
        <v>46</v>
      </c>
      <c r="C59" s="42"/>
      <c r="D59" s="43">
        <v>5524380</v>
      </c>
      <c r="E59" s="43">
        <v>5537107</v>
      </c>
      <c r="F59" s="43">
        <v>5548711</v>
      </c>
      <c r="G59" s="43">
        <v>5564533</v>
      </c>
      <c r="H59" s="43">
        <v>5624503</v>
      </c>
      <c r="I59" s="43">
        <v>5652525</v>
      </c>
      <c r="J59" s="43">
        <v>5669805</v>
      </c>
      <c r="K59" s="43">
        <v>5680084</v>
      </c>
      <c r="L59" s="43">
        <v>5693642</v>
      </c>
      <c r="M59" s="43">
        <v>5707513</v>
      </c>
      <c r="N59" s="43">
        <v>5720586</v>
      </c>
      <c r="O59" s="135">
        <v>5742024</v>
      </c>
      <c r="P59" s="136"/>
      <c r="Q59" s="70">
        <v>46</v>
      </c>
      <c r="R59" s="124"/>
    </row>
    <row r="60" spans="1:18" ht="12" customHeight="1">
      <c r="A60" s="40"/>
      <c r="B60" s="70" t="s">
        <v>26</v>
      </c>
      <c r="C60" s="42"/>
      <c r="D60" s="43">
        <v>5292904</v>
      </c>
      <c r="E60" s="43">
        <v>5303245</v>
      </c>
      <c r="F60" s="43">
        <v>5312983</v>
      </c>
      <c r="G60" s="43">
        <v>5327548</v>
      </c>
      <c r="H60" s="43">
        <v>5384824</v>
      </c>
      <c r="I60" s="43">
        <v>5414927</v>
      </c>
      <c r="J60" s="43">
        <v>5436748</v>
      </c>
      <c r="K60" s="43">
        <v>5444605</v>
      </c>
      <c r="L60" s="43">
        <v>5457248</v>
      </c>
      <c r="M60" s="43">
        <v>5472247</v>
      </c>
      <c r="N60" s="43">
        <v>5487041</v>
      </c>
      <c r="O60" s="135">
        <v>5506627</v>
      </c>
      <c r="P60" s="136"/>
      <c r="Q60" s="70" t="s">
        <v>26</v>
      </c>
      <c r="R60" s="124"/>
    </row>
    <row r="61" spans="1:18" ht="6.75" customHeight="1">
      <c r="A61" s="40"/>
      <c r="B61" s="70"/>
      <c r="C61" s="42"/>
      <c r="D61" s="43"/>
      <c r="E61" s="43"/>
      <c r="F61" s="43"/>
      <c r="G61" s="43"/>
      <c r="H61" s="43"/>
      <c r="I61" s="43"/>
      <c r="J61" s="43"/>
      <c r="K61" s="43"/>
      <c r="L61" s="43"/>
      <c r="M61" s="43"/>
      <c r="N61" s="43"/>
      <c r="O61" s="135"/>
      <c r="P61" s="136"/>
      <c r="Q61" s="70"/>
      <c r="R61" s="124"/>
    </row>
    <row r="62" spans="1:18" ht="12" customHeight="1">
      <c r="A62" s="47"/>
      <c r="B62" s="74">
        <v>44</v>
      </c>
      <c r="C62" s="49"/>
      <c r="D62" s="50">
        <v>5073378</v>
      </c>
      <c r="E62" s="50">
        <v>5085370</v>
      </c>
      <c r="F62" s="50">
        <v>5093963</v>
      </c>
      <c r="G62" s="50">
        <v>5107882</v>
      </c>
      <c r="H62" s="50">
        <v>5165170</v>
      </c>
      <c r="I62" s="50">
        <v>5190525</v>
      </c>
      <c r="J62" s="50">
        <v>5208370</v>
      </c>
      <c r="K62" s="50">
        <v>5220363</v>
      </c>
      <c r="L62" s="50">
        <v>5233380</v>
      </c>
      <c r="M62" s="50">
        <v>5248414</v>
      </c>
      <c r="N62" s="50">
        <v>5260886</v>
      </c>
      <c r="O62" s="131">
        <v>5276912</v>
      </c>
      <c r="P62" s="132"/>
      <c r="Q62" s="74">
        <v>44</v>
      </c>
      <c r="R62" s="133"/>
    </row>
    <row r="63" spans="1:18" ht="12" customHeight="1">
      <c r="A63" s="40"/>
      <c r="B63" s="70">
        <v>43</v>
      </c>
      <c r="C63" s="42"/>
      <c r="D63" s="43">
        <v>4845739</v>
      </c>
      <c r="E63" s="43">
        <v>4857499</v>
      </c>
      <c r="F63" s="43">
        <v>4864442</v>
      </c>
      <c r="G63" s="43">
        <v>4883622</v>
      </c>
      <c r="H63" s="43">
        <v>4942289</v>
      </c>
      <c r="I63" s="43">
        <v>4967241</v>
      </c>
      <c r="J63" s="43">
        <v>4980804</v>
      </c>
      <c r="K63" s="43">
        <v>4996505</v>
      </c>
      <c r="L63" s="43">
        <v>5008877</v>
      </c>
      <c r="M63" s="43">
        <v>5028115</v>
      </c>
      <c r="N63" s="43">
        <v>5042814</v>
      </c>
      <c r="O63" s="135">
        <v>5058861</v>
      </c>
      <c r="P63" s="136"/>
      <c r="Q63" s="70">
        <v>43</v>
      </c>
      <c r="R63" s="124"/>
    </row>
    <row r="64" spans="1:18" ht="12" customHeight="1">
      <c r="A64" s="40"/>
      <c r="B64" s="70">
        <v>42</v>
      </c>
      <c r="C64" s="42"/>
      <c r="D64" s="43">
        <v>4638525</v>
      </c>
      <c r="E64" s="43">
        <v>4650640</v>
      </c>
      <c r="F64" s="43">
        <v>4659590</v>
      </c>
      <c r="G64" s="43">
        <v>4685561</v>
      </c>
      <c r="H64" s="43">
        <v>4734238</v>
      </c>
      <c r="I64" s="43">
        <v>4756090</v>
      </c>
      <c r="J64" s="43">
        <v>4768567</v>
      </c>
      <c r="K64" s="43">
        <v>4778366</v>
      </c>
      <c r="L64" s="43">
        <v>4791962</v>
      </c>
      <c r="M64" s="43">
        <v>4802740</v>
      </c>
      <c r="N64" s="43">
        <v>4817895</v>
      </c>
      <c r="O64" s="135">
        <v>4832745</v>
      </c>
      <c r="P64" s="136"/>
      <c r="Q64" s="70">
        <v>42</v>
      </c>
      <c r="R64" s="124"/>
    </row>
    <row r="65" spans="1:18" ht="12" customHeight="1">
      <c r="A65" s="40"/>
      <c r="B65" s="70">
        <v>41</v>
      </c>
      <c r="C65" s="42"/>
      <c r="D65" s="43">
        <v>4474335</v>
      </c>
      <c r="E65" s="43">
        <v>4483835</v>
      </c>
      <c r="F65" s="43">
        <v>4491447</v>
      </c>
      <c r="G65" s="43">
        <v>4509251</v>
      </c>
      <c r="H65" s="43">
        <v>4546819</v>
      </c>
      <c r="I65" s="43">
        <v>4563410</v>
      </c>
      <c r="J65" s="43">
        <v>4571978</v>
      </c>
      <c r="K65" s="43">
        <v>4579412</v>
      </c>
      <c r="L65" s="43">
        <v>4588743</v>
      </c>
      <c r="M65" s="43">
        <v>4598258</v>
      </c>
      <c r="N65" s="43">
        <v>4610217</v>
      </c>
      <c r="O65" s="135">
        <v>4624075</v>
      </c>
      <c r="P65" s="136"/>
      <c r="Q65" s="70">
        <v>41</v>
      </c>
      <c r="R65" s="124"/>
    </row>
    <row r="66" spans="1:18" ht="12" customHeight="1">
      <c r="A66" s="40"/>
      <c r="B66" s="70" t="s">
        <v>27</v>
      </c>
      <c r="C66" s="42"/>
      <c r="D66" s="43">
        <v>4254849</v>
      </c>
      <c r="E66" s="43">
        <v>4268987</v>
      </c>
      <c r="F66" s="43">
        <v>4283238</v>
      </c>
      <c r="G66" s="43">
        <v>4305520</v>
      </c>
      <c r="H66" s="43">
        <v>4352684</v>
      </c>
      <c r="I66" s="43">
        <v>4375478</v>
      </c>
      <c r="J66" s="43">
        <v>4391833</v>
      </c>
      <c r="K66" s="43">
        <v>4402687</v>
      </c>
      <c r="L66" s="43">
        <v>4416215</v>
      </c>
      <c r="M66" s="43">
        <v>4430743</v>
      </c>
      <c r="N66" s="43">
        <v>4444254</v>
      </c>
      <c r="O66" s="135">
        <v>4460612</v>
      </c>
      <c r="P66" s="136"/>
      <c r="Q66" s="70" t="s">
        <v>27</v>
      </c>
      <c r="R66" s="124"/>
    </row>
    <row r="67" spans="1:18" ht="6.75" customHeight="1">
      <c r="A67" s="40"/>
      <c r="B67" s="70"/>
      <c r="C67" s="42"/>
      <c r="D67" s="43"/>
      <c r="E67" s="43"/>
      <c r="F67" s="43"/>
      <c r="G67" s="43"/>
      <c r="H67" s="43"/>
      <c r="I67" s="43"/>
      <c r="J67" s="43"/>
      <c r="K67" s="43"/>
      <c r="L67" s="43"/>
      <c r="M67" s="43"/>
      <c r="N67" s="43"/>
      <c r="O67" s="135"/>
      <c r="P67" s="136"/>
      <c r="Q67" s="70"/>
      <c r="R67" s="124"/>
    </row>
    <row r="68" spans="1:18" ht="12" customHeight="1">
      <c r="A68" s="47"/>
      <c r="B68" s="74">
        <v>39</v>
      </c>
      <c r="C68" s="49"/>
      <c r="D68" s="50">
        <v>4023952</v>
      </c>
      <c r="E68" s="50">
        <v>4036171</v>
      </c>
      <c r="F68" s="50">
        <v>4047688</v>
      </c>
      <c r="G68" s="50">
        <v>4063907</v>
      </c>
      <c r="H68" s="50">
        <v>4105683</v>
      </c>
      <c r="I68" s="50">
        <v>4129614</v>
      </c>
      <c r="J68" s="50">
        <v>4147313</v>
      </c>
      <c r="K68" s="50">
        <v>4161375</v>
      </c>
      <c r="L68" s="50">
        <v>4178109</v>
      </c>
      <c r="M68" s="50">
        <v>4193936</v>
      </c>
      <c r="N68" s="50">
        <v>4214448</v>
      </c>
      <c r="O68" s="131">
        <v>4234788</v>
      </c>
      <c r="P68" s="132"/>
      <c r="Q68" s="74">
        <v>39</v>
      </c>
      <c r="R68" s="133"/>
    </row>
    <row r="69" spans="1:18" ht="12" customHeight="1">
      <c r="A69" s="40"/>
      <c r="B69" s="70">
        <v>38</v>
      </c>
      <c r="C69" s="42"/>
      <c r="D69" s="43">
        <v>3836417</v>
      </c>
      <c r="E69" s="43">
        <v>3848302</v>
      </c>
      <c r="F69" s="43">
        <v>3859094</v>
      </c>
      <c r="G69" s="43">
        <v>3872585</v>
      </c>
      <c r="H69" s="43">
        <v>3906184</v>
      </c>
      <c r="I69" s="43">
        <v>3928236</v>
      </c>
      <c r="J69" s="43">
        <v>3941444</v>
      </c>
      <c r="K69" s="43">
        <v>3953224</v>
      </c>
      <c r="L69" s="43">
        <v>3966523</v>
      </c>
      <c r="M69" s="43">
        <v>3978938</v>
      </c>
      <c r="N69" s="43">
        <v>3991819</v>
      </c>
      <c r="O69" s="135">
        <v>4008104</v>
      </c>
      <c r="P69" s="136"/>
      <c r="Q69" s="70">
        <v>38</v>
      </c>
      <c r="R69" s="124"/>
    </row>
    <row r="70" spans="1:18" ht="12" customHeight="1">
      <c r="A70" s="40"/>
      <c r="B70" s="70">
        <v>37</v>
      </c>
      <c r="C70" s="42"/>
      <c r="D70" s="43">
        <v>3643446</v>
      </c>
      <c r="E70" s="43">
        <v>3655364</v>
      </c>
      <c r="F70" s="43">
        <v>3666587</v>
      </c>
      <c r="G70" s="43">
        <v>3682635</v>
      </c>
      <c r="H70" s="43">
        <v>3718265</v>
      </c>
      <c r="I70" s="43">
        <v>3740213</v>
      </c>
      <c r="J70" s="43">
        <v>3754031</v>
      </c>
      <c r="K70" s="43">
        <v>3765426</v>
      </c>
      <c r="L70" s="43">
        <v>3780565</v>
      </c>
      <c r="M70" s="43">
        <v>3793052</v>
      </c>
      <c r="N70" s="43">
        <v>3807752</v>
      </c>
      <c r="O70" s="135">
        <v>3822305</v>
      </c>
      <c r="P70" s="136"/>
      <c r="Q70" s="70">
        <v>37</v>
      </c>
      <c r="R70" s="124"/>
    </row>
    <row r="71" spans="1:18" ht="6.75" customHeight="1" thickBot="1">
      <c r="A71" s="91"/>
      <c r="B71" s="92"/>
      <c r="C71" s="55"/>
      <c r="D71" s="78"/>
      <c r="E71" s="78"/>
      <c r="F71" s="78"/>
      <c r="G71" s="78"/>
      <c r="H71" s="78"/>
      <c r="I71" s="78"/>
      <c r="J71" s="78"/>
      <c r="K71" s="78"/>
      <c r="L71" s="78"/>
      <c r="M71" s="78"/>
      <c r="N71" s="78"/>
      <c r="O71" s="145"/>
      <c r="P71" s="146"/>
      <c r="Q71" s="92"/>
      <c r="R71" s="147"/>
    </row>
  </sheetData>
  <mergeCells count="6">
    <mergeCell ref="D1:I1"/>
    <mergeCell ref="A2:C2"/>
    <mergeCell ref="J2:O2"/>
    <mergeCell ref="P2:R2"/>
    <mergeCell ref="A3:C3"/>
    <mergeCell ref="P3:R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5"/>
  <sheetViews>
    <sheetView view="pageBreakPreview" zoomScaleNormal="100" zoomScaleSheetLayoutView="100" workbookViewId="0">
      <selection activeCell="N1" sqref="N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20" width="6.875" style="3" customWidth="1"/>
  </cols>
  <sheetData>
    <row r="1" spans="1:20" ht="18.75" customHeight="1">
      <c r="A1" s="195" t="s">
        <v>74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  <c r="L1" s="195"/>
      <c r="M1" s="195"/>
    </row>
    <row r="2" spans="1:20" ht="15" customHeight="1" thickBot="1">
      <c r="A2" s="196" t="s">
        <v>75</v>
      </c>
      <c r="B2" s="196"/>
      <c r="C2" s="196"/>
      <c r="K2" s="242" t="s">
        <v>53</v>
      </c>
      <c r="L2" s="242"/>
      <c r="M2" s="242"/>
    </row>
    <row r="3" spans="1:20" ht="15" customHeight="1">
      <c r="A3" s="197" t="s">
        <v>76</v>
      </c>
      <c r="B3" s="198"/>
      <c r="C3" s="198"/>
      <c r="D3" s="219" t="s">
        <v>77</v>
      </c>
      <c r="E3" s="203" t="s">
        <v>7</v>
      </c>
      <c r="F3" s="219"/>
      <c r="G3" s="219"/>
      <c r="H3" s="203" t="s">
        <v>8</v>
      </c>
      <c r="I3" s="219"/>
      <c r="J3" s="219"/>
      <c r="K3" s="219" t="s">
        <v>78</v>
      </c>
      <c r="L3" s="219"/>
      <c r="M3" s="255"/>
    </row>
    <row r="4" spans="1:20" ht="15" customHeight="1">
      <c r="A4" s="201"/>
      <c r="B4" s="202"/>
      <c r="C4" s="202"/>
      <c r="D4" s="216"/>
      <c r="E4" s="10"/>
      <c r="F4" s="9" t="s">
        <v>34</v>
      </c>
      <c r="G4" s="9" t="s">
        <v>35</v>
      </c>
      <c r="H4" s="10"/>
      <c r="I4" s="9" t="s">
        <v>36</v>
      </c>
      <c r="J4" s="9" t="s">
        <v>37</v>
      </c>
      <c r="K4" s="9" t="s">
        <v>55</v>
      </c>
      <c r="L4" s="9" t="s">
        <v>79</v>
      </c>
      <c r="M4" s="82" t="s">
        <v>8</v>
      </c>
    </row>
    <row r="5" spans="1:20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0</v>
      </c>
      <c r="H5" s="14" t="s">
        <v>10</v>
      </c>
      <c r="I5" s="14" t="s">
        <v>10</v>
      </c>
      <c r="J5" s="14" t="s">
        <v>10</v>
      </c>
      <c r="K5" s="14" t="s">
        <v>11</v>
      </c>
      <c r="L5" s="14" t="s">
        <v>11</v>
      </c>
      <c r="M5" s="148" t="s">
        <v>11</v>
      </c>
    </row>
    <row r="6" spans="1:20" ht="9.75" customHeight="1">
      <c r="A6" s="251" t="s">
        <v>80</v>
      </c>
      <c r="B6" s="252"/>
      <c r="C6" s="19"/>
      <c r="D6" s="20">
        <v>19363</v>
      </c>
      <c r="E6" s="20">
        <v>-5354</v>
      </c>
      <c r="F6" s="20">
        <v>72795</v>
      </c>
      <c r="G6" s="20">
        <v>78149</v>
      </c>
      <c r="H6" s="20">
        <v>24717</v>
      </c>
      <c r="I6" s="20">
        <v>486889</v>
      </c>
      <c r="J6" s="20">
        <v>462172</v>
      </c>
      <c r="K6" s="149">
        <v>0.21212665987221566</v>
      </c>
      <c r="L6" s="149">
        <v>-5.8654451115831362E-2</v>
      </c>
      <c r="M6" s="150">
        <v>0.27078111098804708</v>
      </c>
    </row>
    <row r="7" spans="1:20" s="33" customFormat="1" ht="9.75" customHeight="1">
      <c r="A7" s="253" t="s">
        <v>81</v>
      </c>
      <c r="B7" s="254"/>
      <c r="C7" s="35"/>
      <c r="D7" s="151">
        <v>20633</v>
      </c>
      <c r="E7" s="151">
        <v>-3773</v>
      </c>
      <c r="F7" s="151">
        <v>71095</v>
      </c>
      <c r="G7" s="151">
        <v>74868</v>
      </c>
      <c r="H7" s="151">
        <v>24406</v>
      </c>
      <c r="I7" s="151">
        <v>474924</v>
      </c>
      <c r="J7" s="151">
        <v>450518</v>
      </c>
      <c r="K7" s="152">
        <v>0.23353862804516751</v>
      </c>
      <c r="L7" s="152">
        <v>-4.270543515797106E-2</v>
      </c>
      <c r="M7" s="153">
        <v>0.27624406320313855</v>
      </c>
      <c r="N7" s="32"/>
      <c r="O7" s="32"/>
      <c r="P7" s="32"/>
      <c r="Q7" s="32"/>
      <c r="R7" s="32"/>
      <c r="S7" s="32"/>
      <c r="T7" s="32"/>
    </row>
    <row r="8" spans="1:20" s="33" customFormat="1" ht="9.75" customHeight="1">
      <c r="A8" s="253" t="s">
        <v>82</v>
      </c>
      <c r="B8" s="254"/>
      <c r="C8" s="35"/>
      <c r="D8" s="151">
        <v>-1270</v>
      </c>
      <c r="E8" s="151">
        <v>-1581</v>
      </c>
      <c r="F8" s="151">
        <v>1700</v>
      </c>
      <c r="G8" s="151">
        <v>3281</v>
      </c>
      <c r="H8" s="151">
        <v>311</v>
      </c>
      <c r="I8" s="151">
        <v>11965</v>
      </c>
      <c r="J8" s="151">
        <v>11654</v>
      </c>
      <c r="K8" s="152">
        <v>-0.43330512869503507</v>
      </c>
      <c r="L8" s="152">
        <v>-0.53941370745421291</v>
      </c>
      <c r="M8" s="153">
        <v>0.10610857875917787</v>
      </c>
      <c r="N8" s="32"/>
      <c r="O8" s="32"/>
      <c r="P8" s="32"/>
      <c r="Q8" s="32"/>
      <c r="R8" s="32"/>
      <c r="S8" s="32"/>
      <c r="T8" s="32"/>
    </row>
    <row r="9" spans="1:20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55"/>
      <c r="L9" s="155"/>
      <c r="M9" s="156"/>
    </row>
    <row r="10" spans="1:20" ht="9.75" customHeight="1">
      <c r="A10" s="247" t="s">
        <v>83</v>
      </c>
      <c r="B10" s="248"/>
      <c r="C10" s="49"/>
      <c r="D10" s="157">
        <v>6401</v>
      </c>
      <c r="E10" s="157">
        <v>-2084</v>
      </c>
      <c r="F10" s="157">
        <v>29749</v>
      </c>
      <c r="G10" s="157">
        <v>31833</v>
      </c>
      <c r="H10" s="157">
        <v>8485</v>
      </c>
      <c r="I10" s="157">
        <v>215594</v>
      </c>
      <c r="J10" s="157">
        <v>207109</v>
      </c>
      <c r="K10" s="158">
        <v>0.17185299735951534</v>
      </c>
      <c r="L10" s="158">
        <v>-5.5950889938639274E-2</v>
      </c>
      <c r="M10" s="159">
        <v>0.22780388729815459</v>
      </c>
    </row>
    <row r="11" spans="1:20" ht="9.75" customHeight="1">
      <c r="A11" s="40"/>
      <c r="B11" s="70" t="s">
        <v>84</v>
      </c>
      <c r="C11" s="42"/>
      <c r="D11" s="154">
        <v>2195</v>
      </c>
      <c r="E11" s="154">
        <v>313</v>
      </c>
      <c r="F11" s="154">
        <v>2680</v>
      </c>
      <c r="G11" s="154">
        <v>2367</v>
      </c>
      <c r="H11" s="154">
        <v>1882</v>
      </c>
      <c r="I11" s="154">
        <v>18339</v>
      </c>
      <c r="J11" s="154">
        <v>16457</v>
      </c>
      <c r="K11" s="155">
        <v>0.7694842527413972</v>
      </c>
      <c r="L11" s="155">
        <v>0.10972600050480973</v>
      </c>
      <c r="M11" s="156">
        <v>0.65975825223658746</v>
      </c>
    </row>
    <row r="12" spans="1:20" ht="9.75" customHeight="1">
      <c r="A12" s="40"/>
      <c r="B12" s="70" t="s">
        <v>85</v>
      </c>
      <c r="C12" s="42"/>
      <c r="D12" s="154">
        <v>1030</v>
      </c>
      <c r="E12" s="154">
        <v>166</v>
      </c>
      <c r="F12" s="154">
        <v>2123</v>
      </c>
      <c r="G12" s="154">
        <v>1957</v>
      </c>
      <c r="H12" s="154">
        <v>864</v>
      </c>
      <c r="I12" s="154">
        <v>17314</v>
      </c>
      <c r="J12" s="154">
        <v>16450</v>
      </c>
      <c r="K12" s="155">
        <v>0.43061280801357898</v>
      </c>
      <c r="L12" s="155">
        <v>6.9399734107042824E-2</v>
      </c>
      <c r="M12" s="156">
        <v>0.36121307390653612</v>
      </c>
    </row>
    <row r="13" spans="1:20" ht="9.75" customHeight="1">
      <c r="A13" s="40"/>
      <c r="B13" s="70" t="s">
        <v>86</v>
      </c>
      <c r="C13" s="42"/>
      <c r="D13" s="154">
        <v>73</v>
      </c>
      <c r="E13" s="154">
        <v>30</v>
      </c>
      <c r="F13" s="154">
        <v>913</v>
      </c>
      <c r="G13" s="154">
        <v>883</v>
      </c>
      <c r="H13" s="154">
        <v>43</v>
      </c>
      <c r="I13" s="154">
        <v>8718</v>
      </c>
      <c r="J13" s="154">
        <v>8675</v>
      </c>
      <c r="K13" s="155">
        <v>7.4056790398993641E-2</v>
      </c>
      <c r="L13" s="155">
        <v>3.0434297424243962E-2</v>
      </c>
      <c r="M13" s="156">
        <v>4.3622492974749683E-2</v>
      </c>
    </row>
    <row r="14" spans="1:20" ht="9.75" customHeight="1">
      <c r="A14" s="40"/>
      <c r="B14" s="70" t="s">
        <v>87</v>
      </c>
      <c r="C14" s="42"/>
      <c r="D14" s="154">
        <v>407</v>
      </c>
      <c r="E14" s="154">
        <v>-492</v>
      </c>
      <c r="F14" s="154">
        <v>1106</v>
      </c>
      <c r="G14" s="154">
        <v>1598</v>
      </c>
      <c r="H14" s="154">
        <v>899</v>
      </c>
      <c r="I14" s="154">
        <v>13258</v>
      </c>
      <c r="J14" s="154">
        <v>12359</v>
      </c>
      <c r="K14" s="155">
        <v>0.27372753685569784</v>
      </c>
      <c r="L14" s="155">
        <v>-0.33089422145701064</v>
      </c>
      <c r="M14" s="156">
        <v>0.60462175831270848</v>
      </c>
    </row>
    <row r="15" spans="1:20" ht="9.75" customHeight="1">
      <c r="A15" s="40"/>
      <c r="B15" s="70" t="s">
        <v>88</v>
      </c>
      <c r="C15" s="42"/>
      <c r="D15" s="154">
        <v>158</v>
      </c>
      <c r="E15" s="154">
        <v>-837</v>
      </c>
      <c r="F15" s="154">
        <v>1315</v>
      </c>
      <c r="G15" s="154">
        <v>2152</v>
      </c>
      <c r="H15" s="154">
        <v>995</v>
      </c>
      <c r="I15" s="154">
        <v>13126</v>
      </c>
      <c r="J15" s="154">
        <v>12131</v>
      </c>
      <c r="K15" s="155">
        <v>8.1194692539338309E-2</v>
      </c>
      <c r="L15" s="155">
        <v>-0.43012631427484915</v>
      </c>
      <c r="M15" s="156">
        <v>0.51132100681418746</v>
      </c>
    </row>
    <row r="16" spans="1:20" ht="9.75" customHeight="1">
      <c r="A16" s="40"/>
      <c r="B16" s="70" t="s">
        <v>89</v>
      </c>
      <c r="C16" s="42"/>
      <c r="D16" s="154">
        <v>-957</v>
      </c>
      <c r="E16" s="154">
        <v>-587</v>
      </c>
      <c r="F16" s="154">
        <v>1373</v>
      </c>
      <c r="G16" s="154">
        <v>1960</v>
      </c>
      <c r="H16" s="154">
        <v>-370</v>
      </c>
      <c r="I16" s="154">
        <v>9245</v>
      </c>
      <c r="J16" s="154">
        <v>9615</v>
      </c>
      <c r="K16" s="155">
        <v>-0.44413298928883033</v>
      </c>
      <c r="L16" s="155">
        <v>-0.27242013031613732</v>
      </c>
      <c r="M16" s="156">
        <v>-0.17171285897269301</v>
      </c>
    </row>
    <row r="17" spans="1:13" ht="9.75" customHeight="1">
      <c r="A17" s="40"/>
      <c r="B17" s="70" t="s">
        <v>90</v>
      </c>
      <c r="C17" s="42"/>
      <c r="D17" s="154">
        <v>1397</v>
      </c>
      <c r="E17" s="154">
        <v>-531</v>
      </c>
      <c r="F17" s="154">
        <v>1488</v>
      </c>
      <c r="G17" s="154">
        <v>2019</v>
      </c>
      <c r="H17" s="154">
        <v>1928</v>
      </c>
      <c r="I17" s="154">
        <v>12710</v>
      </c>
      <c r="J17" s="154">
        <v>10782</v>
      </c>
      <c r="K17" s="155">
        <v>0.68071960394495767</v>
      </c>
      <c r="L17" s="155">
        <v>-0.25874166764121154</v>
      </c>
      <c r="M17" s="156">
        <v>0.93946127158616932</v>
      </c>
    </row>
    <row r="18" spans="1:13" ht="9.75" customHeight="1">
      <c r="A18" s="40"/>
      <c r="B18" s="70" t="s">
        <v>91</v>
      </c>
      <c r="C18" s="42"/>
      <c r="D18" s="154">
        <v>-553</v>
      </c>
      <c r="E18" s="154">
        <v>-816</v>
      </c>
      <c r="F18" s="154">
        <v>1634</v>
      </c>
      <c r="G18" s="154">
        <v>2450</v>
      </c>
      <c r="H18" s="154">
        <v>263</v>
      </c>
      <c r="I18" s="154">
        <v>10120</v>
      </c>
      <c r="J18" s="154">
        <v>9857</v>
      </c>
      <c r="K18" s="155">
        <v>-0.22382320799773345</v>
      </c>
      <c r="L18" s="155">
        <v>-0.33027077346500994</v>
      </c>
      <c r="M18" s="156">
        <v>0.10644756546727649</v>
      </c>
    </row>
    <row r="19" spans="1:13" ht="9.75" customHeight="1">
      <c r="A19" s="40"/>
      <c r="B19" s="70" t="s">
        <v>92</v>
      </c>
      <c r="C19" s="42"/>
      <c r="D19" s="154">
        <v>114</v>
      </c>
      <c r="E19" s="154">
        <v>-290</v>
      </c>
      <c r="F19" s="154">
        <v>1325</v>
      </c>
      <c r="G19" s="154">
        <v>1615</v>
      </c>
      <c r="H19" s="154">
        <v>404</v>
      </c>
      <c r="I19" s="154">
        <v>8967</v>
      </c>
      <c r="J19" s="154">
        <v>8563</v>
      </c>
      <c r="K19" s="155">
        <v>6.8548338604740661E-2</v>
      </c>
      <c r="L19" s="155">
        <v>-0.17437735259100692</v>
      </c>
      <c r="M19" s="156">
        <v>0.24292569119574758</v>
      </c>
    </row>
    <row r="20" spans="1:13" ht="9.75" customHeight="1">
      <c r="A20" s="40"/>
      <c r="B20" s="70" t="s">
        <v>93</v>
      </c>
      <c r="C20" s="42"/>
      <c r="D20" s="154">
        <v>-783</v>
      </c>
      <c r="E20" s="154">
        <v>-669</v>
      </c>
      <c r="F20" s="154">
        <v>1244</v>
      </c>
      <c r="G20" s="154">
        <v>1913</v>
      </c>
      <c r="H20" s="154">
        <v>-114</v>
      </c>
      <c r="I20" s="154">
        <v>8833</v>
      </c>
      <c r="J20" s="154">
        <v>8947</v>
      </c>
      <c r="K20" s="155">
        <v>-0.38832929133623961</v>
      </c>
      <c r="L20" s="155">
        <v>-0.3317909270803886</v>
      </c>
      <c r="M20" s="156">
        <v>-5.653836425585098E-2</v>
      </c>
    </row>
    <row r="21" spans="1:13" ht="9.75" customHeight="1">
      <c r="A21" s="40"/>
      <c r="B21" s="70" t="s">
        <v>94</v>
      </c>
      <c r="C21" s="42"/>
      <c r="D21" s="154">
        <v>2604</v>
      </c>
      <c r="E21" s="154">
        <v>1299</v>
      </c>
      <c r="F21" s="154">
        <v>3597</v>
      </c>
      <c r="G21" s="154">
        <v>2298</v>
      </c>
      <c r="H21" s="154">
        <v>1305</v>
      </c>
      <c r="I21" s="154">
        <v>24398</v>
      </c>
      <c r="J21" s="154">
        <v>23093</v>
      </c>
      <c r="K21" s="155">
        <v>0.75627762707729485</v>
      </c>
      <c r="L21" s="155">
        <v>0.37726752594984869</v>
      </c>
      <c r="M21" s="156">
        <v>0.37901010112744615</v>
      </c>
    </row>
    <row r="22" spans="1:13" ht="9.75" customHeight="1">
      <c r="A22" s="40"/>
      <c r="B22" s="70" t="s">
        <v>95</v>
      </c>
      <c r="C22" s="42"/>
      <c r="D22" s="154">
        <v>701</v>
      </c>
      <c r="E22" s="154">
        <v>163</v>
      </c>
      <c r="F22" s="154">
        <v>1493</v>
      </c>
      <c r="G22" s="154">
        <v>1330</v>
      </c>
      <c r="H22" s="154">
        <v>538</v>
      </c>
      <c r="I22" s="154">
        <v>9633</v>
      </c>
      <c r="J22" s="154">
        <v>9095</v>
      </c>
      <c r="K22" s="155">
        <v>0.38844312439046014</v>
      </c>
      <c r="L22" s="155">
        <v>9.0322723645713268E-2</v>
      </c>
      <c r="M22" s="156">
        <v>0.29812040074474688</v>
      </c>
    </row>
    <row r="23" spans="1:13" ht="9.75" customHeight="1">
      <c r="A23" s="40"/>
      <c r="B23" s="70" t="s">
        <v>96</v>
      </c>
      <c r="C23" s="42"/>
      <c r="D23" s="154">
        <v>595</v>
      </c>
      <c r="E23" s="154">
        <v>549</v>
      </c>
      <c r="F23" s="154">
        <v>2505</v>
      </c>
      <c r="G23" s="154">
        <v>1956</v>
      </c>
      <c r="H23" s="154">
        <v>46</v>
      </c>
      <c r="I23" s="154">
        <v>17684</v>
      </c>
      <c r="J23" s="154">
        <v>17638</v>
      </c>
      <c r="K23" s="155">
        <v>0.1919949403686303</v>
      </c>
      <c r="L23" s="155">
        <v>0.17715163405441686</v>
      </c>
      <c r="M23" s="156">
        <v>1.4843306314213435E-2</v>
      </c>
    </row>
    <row r="24" spans="1:13" ht="9.75" customHeight="1">
      <c r="A24" s="40"/>
      <c r="B24" s="70" t="s">
        <v>97</v>
      </c>
      <c r="C24" s="42"/>
      <c r="D24" s="154">
        <v>47</v>
      </c>
      <c r="E24" s="154">
        <v>608</v>
      </c>
      <c r="F24" s="154">
        <v>1834</v>
      </c>
      <c r="G24" s="154">
        <v>1226</v>
      </c>
      <c r="H24" s="154">
        <v>-561</v>
      </c>
      <c r="I24" s="154">
        <v>11851</v>
      </c>
      <c r="J24" s="154">
        <v>12412</v>
      </c>
      <c r="K24" s="155">
        <v>2.2156956105655681E-2</v>
      </c>
      <c r="L24" s="155">
        <v>0.28662615557954585</v>
      </c>
      <c r="M24" s="156">
        <v>-0.26446919947389014</v>
      </c>
    </row>
    <row r="25" spans="1:13" ht="9.75" customHeight="1">
      <c r="A25" s="40"/>
      <c r="B25" s="70" t="s">
        <v>98</v>
      </c>
      <c r="C25" s="42"/>
      <c r="D25" s="154">
        <v>714</v>
      </c>
      <c r="E25" s="154">
        <v>-68</v>
      </c>
      <c r="F25" s="154">
        <v>2246</v>
      </c>
      <c r="G25" s="154">
        <v>2314</v>
      </c>
      <c r="H25" s="154">
        <v>782</v>
      </c>
      <c r="I25" s="154">
        <v>14021</v>
      </c>
      <c r="J25" s="154">
        <v>13239</v>
      </c>
      <c r="K25" s="155">
        <v>0.25937039108986421</v>
      </c>
      <c r="L25" s="155">
        <v>-2.4701942008558499E-2</v>
      </c>
      <c r="M25" s="156">
        <v>0.28407233309842272</v>
      </c>
    </row>
    <row r="26" spans="1:13" ht="9.75" customHeight="1">
      <c r="A26" s="40"/>
      <c r="B26" s="70" t="s">
        <v>99</v>
      </c>
      <c r="C26" s="42"/>
      <c r="D26" s="154">
        <v>-752</v>
      </c>
      <c r="E26" s="154">
        <v>-348</v>
      </c>
      <c r="F26" s="154">
        <v>821</v>
      </c>
      <c r="G26" s="154">
        <v>1169</v>
      </c>
      <c r="H26" s="154">
        <v>-404</v>
      </c>
      <c r="I26" s="154">
        <v>5593</v>
      </c>
      <c r="J26" s="154">
        <v>5997</v>
      </c>
      <c r="K26" s="155">
        <v>-0.61581800612542381</v>
      </c>
      <c r="L26" s="155">
        <v>-0.28497960921761634</v>
      </c>
      <c r="M26" s="156">
        <v>-0.33083839690780747</v>
      </c>
    </row>
    <row r="27" spans="1:13" ht="9.75" customHeight="1">
      <c r="A27" s="40"/>
      <c r="B27" s="70" t="s">
        <v>100</v>
      </c>
      <c r="C27" s="42"/>
      <c r="D27" s="154">
        <v>-259</v>
      </c>
      <c r="E27" s="154">
        <v>-243</v>
      </c>
      <c r="F27" s="154">
        <v>1135</v>
      </c>
      <c r="G27" s="154">
        <v>1378</v>
      </c>
      <c r="H27" s="154">
        <v>-16</v>
      </c>
      <c r="I27" s="154">
        <v>6378</v>
      </c>
      <c r="J27" s="154">
        <v>6394</v>
      </c>
      <c r="K27" s="155">
        <v>-0.16823753320904974</v>
      </c>
      <c r="L27" s="155">
        <v>-0.15784448096447526</v>
      </c>
      <c r="M27" s="156">
        <v>-1.0393052244574503E-2</v>
      </c>
    </row>
    <row r="28" spans="1:13" ht="9.75" customHeight="1">
      <c r="A28" s="40"/>
      <c r="B28" s="70" t="s">
        <v>101</v>
      </c>
      <c r="C28" s="42"/>
      <c r="D28" s="154">
        <v>-330</v>
      </c>
      <c r="E28" s="154">
        <v>-331</v>
      </c>
      <c r="F28" s="154">
        <v>917</v>
      </c>
      <c r="G28" s="154">
        <v>1248</v>
      </c>
      <c r="H28" s="154">
        <v>1</v>
      </c>
      <c r="I28" s="154">
        <v>5406</v>
      </c>
      <c r="J28" s="154">
        <v>5405</v>
      </c>
      <c r="K28" s="155">
        <v>-0.26500277048350962</v>
      </c>
      <c r="L28" s="155">
        <v>-0.26580580918194446</v>
      </c>
      <c r="M28" s="156">
        <v>8.0303869843487759E-4</v>
      </c>
    </row>
    <row r="29" spans="1:13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55"/>
      <c r="L29" s="155"/>
      <c r="M29" s="156"/>
    </row>
    <row r="30" spans="1:13" ht="9.75" customHeight="1">
      <c r="A30" s="247" t="s">
        <v>102</v>
      </c>
      <c r="B30" s="248"/>
      <c r="C30" s="49"/>
      <c r="D30" s="157">
        <v>14441</v>
      </c>
      <c r="E30" s="157">
        <v>4167</v>
      </c>
      <c r="F30" s="157">
        <v>14722</v>
      </c>
      <c r="G30" s="157">
        <v>10555</v>
      </c>
      <c r="H30" s="157">
        <v>10274</v>
      </c>
      <c r="I30" s="157">
        <v>105390</v>
      </c>
      <c r="J30" s="157">
        <v>95116</v>
      </c>
      <c r="K30" s="158">
        <v>0.97763509927318804</v>
      </c>
      <c r="L30" s="158">
        <v>0.28209995558973583</v>
      </c>
      <c r="M30" s="159">
        <v>0.69553514368345226</v>
      </c>
    </row>
    <row r="31" spans="1:13" ht="9.75" customHeight="1">
      <c r="A31" s="40"/>
      <c r="B31" s="70" t="s">
        <v>103</v>
      </c>
      <c r="C31" s="42"/>
      <c r="D31" s="154">
        <v>2785</v>
      </c>
      <c r="E31" s="154">
        <v>-234</v>
      </c>
      <c r="F31" s="154">
        <v>1938</v>
      </c>
      <c r="G31" s="154">
        <v>2172</v>
      </c>
      <c r="H31" s="154">
        <v>3019</v>
      </c>
      <c r="I31" s="154">
        <v>16214</v>
      </c>
      <c r="J31" s="154">
        <v>13195</v>
      </c>
      <c r="K31" s="155">
        <v>1.2436255816238133</v>
      </c>
      <c r="L31" s="155">
        <v>-0.10449134150806905</v>
      </c>
      <c r="M31" s="156">
        <v>1.3481169231318824</v>
      </c>
    </row>
    <row r="32" spans="1:13" ht="9.75" customHeight="1">
      <c r="A32" s="40"/>
      <c r="B32" s="70" t="s">
        <v>104</v>
      </c>
      <c r="C32" s="42"/>
      <c r="D32" s="154">
        <v>2288</v>
      </c>
      <c r="E32" s="154">
        <v>319</v>
      </c>
      <c r="F32" s="154">
        <v>1698</v>
      </c>
      <c r="G32" s="154">
        <v>1379</v>
      </c>
      <c r="H32" s="154">
        <v>1969</v>
      </c>
      <c r="I32" s="154">
        <v>11293</v>
      </c>
      <c r="J32" s="154">
        <v>9324</v>
      </c>
      <c r="K32" s="155">
        <v>1.4186595899032113</v>
      </c>
      <c r="L32" s="155">
        <v>0.19779388513073617</v>
      </c>
      <c r="M32" s="156">
        <v>1.2208657047724751</v>
      </c>
    </row>
    <row r="33" spans="1:13" ht="9.75" customHeight="1">
      <c r="A33" s="40"/>
      <c r="B33" s="70" t="s">
        <v>105</v>
      </c>
      <c r="C33" s="42"/>
      <c r="D33" s="154">
        <v>3587</v>
      </c>
      <c r="E33" s="154">
        <v>1611</v>
      </c>
      <c r="F33" s="154">
        <v>3058</v>
      </c>
      <c r="G33" s="154">
        <v>1447</v>
      </c>
      <c r="H33" s="154">
        <v>1976</v>
      </c>
      <c r="I33" s="154">
        <v>21372</v>
      </c>
      <c r="J33" s="154">
        <v>19396</v>
      </c>
      <c r="K33" s="155">
        <v>1.4468318536953304</v>
      </c>
      <c r="L33" s="155">
        <v>0.64980376813581742</v>
      </c>
      <c r="M33" s="156">
        <v>0.79702808555951288</v>
      </c>
    </row>
    <row r="34" spans="1:13" ht="9.75" customHeight="1">
      <c r="A34" s="40"/>
      <c r="B34" s="70" t="s">
        <v>106</v>
      </c>
      <c r="C34" s="42"/>
      <c r="D34" s="154">
        <v>1112</v>
      </c>
      <c r="E34" s="154">
        <v>1031</v>
      </c>
      <c r="F34" s="154">
        <v>2451</v>
      </c>
      <c r="G34" s="154">
        <v>1420</v>
      </c>
      <c r="H34" s="154">
        <v>81</v>
      </c>
      <c r="I34" s="154">
        <v>15966</v>
      </c>
      <c r="J34" s="154">
        <v>15885</v>
      </c>
      <c r="K34" s="155">
        <v>0.48679055311138836</v>
      </c>
      <c r="L34" s="155">
        <v>0.45133188872108038</v>
      </c>
      <c r="M34" s="156">
        <v>3.5458664390307967E-2</v>
      </c>
    </row>
    <row r="35" spans="1:13" ht="9.75" customHeight="1">
      <c r="A35" s="40"/>
      <c r="B35" s="70" t="s">
        <v>107</v>
      </c>
      <c r="C35" s="42"/>
      <c r="D35" s="154">
        <v>2313</v>
      </c>
      <c r="E35" s="154">
        <v>657</v>
      </c>
      <c r="F35" s="154">
        <v>2115</v>
      </c>
      <c r="G35" s="154">
        <v>1458</v>
      </c>
      <c r="H35" s="154">
        <v>1656</v>
      </c>
      <c r="I35" s="154">
        <v>14676</v>
      </c>
      <c r="J35" s="154">
        <v>13020</v>
      </c>
      <c r="K35" s="155">
        <v>1.0242580439461169</v>
      </c>
      <c r="L35" s="155">
        <v>0.29093710975901371</v>
      </c>
      <c r="M35" s="156">
        <v>0.73332093418710309</v>
      </c>
    </row>
    <row r="36" spans="1:13" ht="9.75" customHeight="1">
      <c r="A36" s="40"/>
      <c r="B36" s="70" t="s">
        <v>108</v>
      </c>
      <c r="C36" s="42"/>
      <c r="D36" s="154">
        <v>1345</v>
      </c>
      <c r="E36" s="154">
        <v>615</v>
      </c>
      <c r="F36" s="154">
        <v>2025</v>
      </c>
      <c r="G36" s="154">
        <v>1410</v>
      </c>
      <c r="H36" s="154">
        <v>730</v>
      </c>
      <c r="I36" s="154">
        <v>15391</v>
      </c>
      <c r="J36" s="154">
        <v>14661</v>
      </c>
      <c r="K36" s="155">
        <v>0.62772734697687449</v>
      </c>
      <c r="L36" s="155">
        <v>0.28702774601544812</v>
      </c>
      <c r="M36" s="156">
        <v>0.34069960096142626</v>
      </c>
    </row>
    <row r="37" spans="1:13" ht="9.75" customHeight="1">
      <c r="A37" s="40"/>
      <c r="B37" s="70" t="s">
        <v>109</v>
      </c>
      <c r="C37" s="42"/>
      <c r="D37" s="154">
        <v>1011</v>
      </c>
      <c r="E37" s="154">
        <v>168</v>
      </c>
      <c r="F37" s="154">
        <v>1437</v>
      </c>
      <c r="G37" s="154">
        <v>1269</v>
      </c>
      <c r="H37" s="154">
        <v>843</v>
      </c>
      <c r="I37" s="154">
        <v>10478</v>
      </c>
      <c r="J37" s="154">
        <v>9635</v>
      </c>
      <c r="K37" s="155">
        <v>0.5761602990790553</v>
      </c>
      <c r="L37" s="155">
        <v>9.5741770766845993E-2</v>
      </c>
      <c r="M37" s="156">
        <v>0.48041852831220933</v>
      </c>
    </row>
    <row r="38" spans="1:13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55"/>
      <c r="L38" s="155"/>
      <c r="M38" s="156"/>
    </row>
    <row r="39" spans="1:13" ht="9.75" customHeight="1">
      <c r="A39" s="247" t="s">
        <v>110</v>
      </c>
      <c r="B39" s="248"/>
      <c r="C39" s="49"/>
      <c r="D39" s="157">
        <v>338</v>
      </c>
      <c r="E39" s="157">
        <v>-326</v>
      </c>
      <c r="F39" s="157">
        <v>5324</v>
      </c>
      <c r="G39" s="157">
        <v>5650</v>
      </c>
      <c r="H39" s="157">
        <v>664</v>
      </c>
      <c r="I39" s="157">
        <v>33582</v>
      </c>
      <c r="J39" s="157">
        <v>32918</v>
      </c>
      <c r="K39" s="158">
        <v>4.6870298236539695E-2</v>
      </c>
      <c r="L39" s="158">
        <v>-4.5206263979621131E-2</v>
      </c>
      <c r="M39" s="159">
        <v>9.2076562216160812E-2</v>
      </c>
    </row>
    <row r="40" spans="1:13" ht="9.75" customHeight="1">
      <c r="A40" s="40"/>
      <c r="B40" s="70" t="s">
        <v>95</v>
      </c>
      <c r="C40" s="42"/>
      <c r="D40" s="154">
        <v>-543</v>
      </c>
      <c r="E40" s="154">
        <v>-174</v>
      </c>
      <c r="F40" s="154">
        <v>1232</v>
      </c>
      <c r="G40" s="154">
        <v>1406</v>
      </c>
      <c r="H40" s="154">
        <v>-369</v>
      </c>
      <c r="I40" s="154">
        <v>7145</v>
      </c>
      <c r="J40" s="154">
        <v>7514</v>
      </c>
      <c r="K40" s="155">
        <v>-0.3127591927011335</v>
      </c>
      <c r="L40" s="155">
        <v>-0.10022117777163395</v>
      </c>
      <c r="M40" s="156">
        <v>-0.21253801492949956</v>
      </c>
    </row>
    <row r="41" spans="1:13" ht="9.75" customHeight="1">
      <c r="A41" s="40"/>
      <c r="B41" s="70" t="s">
        <v>111</v>
      </c>
      <c r="C41" s="42"/>
      <c r="D41" s="154">
        <v>620</v>
      </c>
      <c r="E41" s="154">
        <v>-113</v>
      </c>
      <c r="F41" s="154">
        <v>2013</v>
      </c>
      <c r="G41" s="154">
        <v>2126</v>
      </c>
      <c r="H41" s="154">
        <v>733</v>
      </c>
      <c r="I41" s="154">
        <v>12597</v>
      </c>
      <c r="J41" s="154">
        <v>11864</v>
      </c>
      <c r="K41" s="155">
        <v>0.22946645348492925</v>
      </c>
      <c r="L41" s="155">
        <v>-4.1822111683543557E-2</v>
      </c>
      <c r="M41" s="156">
        <v>0.27128856516847277</v>
      </c>
    </row>
    <row r="42" spans="1:13" ht="9.75" customHeight="1">
      <c r="A42" s="40"/>
      <c r="B42" s="70" t="s">
        <v>88</v>
      </c>
      <c r="C42" s="42"/>
      <c r="D42" s="154">
        <v>261</v>
      </c>
      <c r="E42" s="154">
        <v>-39</v>
      </c>
      <c r="F42" s="154">
        <v>2079</v>
      </c>
      <c r="G42" s="154">
        <v>2118</v>
      </c>
      <c r="H42" s="154">
        <v>300</v>
      </c>
      <c r="I42" s="154">
        <v>13840</v>
      </c>
      <c r="J42" s="154">
        <v>13540</v>
      </c>
      <c r="K42" s="155">
        <v>9.4111368725458028E-2</v>
      </c>
      <c r="L42" s="155">
        <v>-1.4062618315298326E-2</v>
      </c>
      <c r="M42" s="156">
        <v>0.10817398704075634</v>
      </c>
    </row>
    <row r="43" spans="1:13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55"/>
      <c r="L43" s="155"/>
      <c r="M43" s="156"/>
    </row>
    <row r="44" spans="1:13" ht="9.75" customHeight="1">
      <c r="A44" s="249" t="s">
        <v>112</v>
      </c>
      <c r="B44" s="250"/>
      <c r="C44" s="42"/>
      <c r="D44" s="154">
        <v>-2511</v>
      </c>
      <c r="E44" s="154">
        <v>-1837</v>
      </c>
      <c r="F44" s="154">
        <v>2648</v>
      </c>
      <c r="G44" s="154">
        <v>4485</v>
      </c>
      <c r="H44" s="154">
        <v>-674</v>
      </c>
      <c r="I44" s="154">
        <v>14449</v>
      </c>
      <c r="J44" s="154">
        <v>15123</v>
      </c>
      <c r="K44" s="155">
        <v>-0.61863442179485284</v>
      </c>
      <c r="L44" s="155">
        <v>-0.45258121578540211</v>
      </c>
      <c r="M44" s="156">
        <v>-0.16605320600945075</v>
      </c>
    </row>
    <row r="45" spans="1:13" ht="9.75" customHeight="1">
      <c r="A45" s="249" t="s">
        <v>113</v>
      </c>
      <c r="B45" s="250"/>
      <c r="C45" s="42"/>
      <c r="D45" s="154">
        <v>-132</v>
      </c>
      <c r="E45" s="154">
        <v>-778</v>
      </c>
      <c r="F45" s="154">
        <v>1740</v>
      </c>
      <c r="G45" s="154">
        <v>2518</v>
      </c>
      <c r="H45" s="154">
        <v>646</v>
      </c>
      <c r="I45" s="154">
        <v>9141</v>
      </c>
      <c r="J45" s="154">
        <v>8495</v>
      </c>
      <c r="K45" s="155">
        <v>-5.1108710550464044E-2</v>
      </c>
      <c r="L45" s="155">
        <v>-0.30123164248682599</v>
      </c>
      <c r="M45" s="156">
        <v>0.25012293193636193</v>
      </c>
    </row>
    <row r="46" spans="1:13" ht="9.75" customHeight="1">
      <c r="A46" s="249" t="s">
        <v>114</v>
      </c>
      <c r="B46" s="250"/>
      <c r="C46" s="42"/>
      <c r="D46" s="154">
        <v>-507</v>
      </c>
      <c r="E46" s="154">
        <v>-822</v>
      </c>
      <c r="F46" s="154">
        <v>1097</v>
      </c>
      <c r="G46" s="154">
        <v>1919</v>
      </c>
      <c r="H46" s="154">
        <v>315</v>
      </c>
      <c r="I46" s="154">
        <v>7273</v>
      </c>
      <c r="J46" s="154">
        <v>6958</v>
      </c>
      <c r="K46" s="155">
        <v>-0.29342655076221452</v>
      </c>
      <c r="L46" s="155">
        <v>-0.47573298762631233</v>
      </c>
      <c r="M46" s="156">
        <v>0.18230643686409778</v>
      </c>
    </row>
    <row r="47" spans="1:13" ht="9.75" customHeight="1">
      <c r="A47" s="249" t="s">
        <v>115</v>
      </c>
      <c r="B47" s="250"/>
      <c r="C47" s="42"/>
      <c r="D47" s="154">
        <v>2666</v>
      </c>
      <c r="E47" s="154">
        <v>199</v>
      </c>
      <c r="F47" s="154">
        <v>3597</v>
      </c>
      <c r="G47" s="154">
        <v>3398</v>
      </c>
      <c r="H47" s="154">
        <v>2467</v>
      </c>
      <c r="I47" s="154">
        <v>18875</v>
      </c>
      <c r="J47" s="154">
        <v>16408</v>
      </c>
      <c r="K47" s="155">
        <v>0.62798416141972468</v>
      </c>
      <c r="L47" s="155">
        <v>4.6875036805148242E-2</v>
      </c>
      <c r="M47" s="156">
        <v>0.58110912461457653</v>
      </c>
    </row>
    <row r="48" spans="1:13" ht="9.75" customHeight="1">
      <c r="A48" s="249" t="s">
        <v>116</v>
      </c>
      <c r="B48" s="250"/>
      <c r="C48" s="42"/>
      <c r="D48" s="154">
        <v>-699</v>
      </c>
      <c r="E48" s="154">
        <v>-776</v>
      </c>
      <c r="F48" s="154">
        <v>1267</v>
      </c>
      <c r="G48" s="154">
        <v>2043</v>
      </c>
      <c r="H48" s="154">
        <v>77</v>
      </c>
      <c r="I48" s="154">
        <v>6636</v>
      </c>
      <c r="J48" s="154">
        <v>6559</v>
      </c>
      <c r="K48" s="155">
        <v>-0.3604133151837644</v>
      </c>
      <c r="L48" s="155">
        <v>-0.40011549725694018</v>
      </c>
      <c r="M48" s="156">
        <v>3.970218207317576E-2</v>
      </c>
    </row>
    <row r="49" spans="1:13" ht="9.75" customHeight="1">
      <c r="A49" s="249" t="s">
        <v>117</v>
      </c>
      <c r="B49" s="250"/>
      <c r="C49" s="42"/>
      <c r="D49" s="154">
        <v>678</v>
      </c>
      <c r="E49" s="154">
        <v>-185</v>
      </c>
      <c r="F49" s="154">
        <v>1894</v>
      </c>
      <c r="G49" s="154">
        <v>2079</v>
      </c>
      <c r="H49" s="154">
        <v>863</v>
      </c>
      <c r="I49" s="154">
        <v>9420</v>
      </c>
      <c r="J49" s="154">
        <v>8557</v>
      </c>
      <c r="K49" s="155">
        <v>0.2831169590399078</v>
      </c>
      <c r="L49" s="155">
        <v>-7.7251677614134123E-2</v>
      </c>
      <c r="M49" s="156">
        <v>0.3603686366540419</v>
      </c>
    </row>
    <row r="50" spans="1:13" ht="9.75" customHeight="1">
      <c r="A50" s="249" t="s">
        <v>118</v>
      </c>
      <c r="B50" s="250"/>
      <c r="C50" s="42"/>
      <c r="D50" s="154">
        <v>163</v>
      </c>
      <c r="E50" s="154">
        <v>-336</v>
      </c>
      <c r="F50" s="154">
        <v>383</v>
      </c>
      <c r="G50" s="154">
        <v>719</v>
      </c>
      <c r="H50" s="154">
        <v>499</v>
      </c>
      <c r="I50" s="154">
        <v>2766</v>
      </c>
      <c r="J50" s="154">
        <v>2267</v>
      </c>
      <c r="K50" s="155">
        <v>0.2837990772177244</v>
      </c>
      <c r="L50" s="155">
        <v>-0.58500914076782451</v>
      </c>
      <c r="M50" s="156">
        <v>0.86880821798554897</v>
      </c>
    </row>
    <row r="51" spans="1:13" ht="9.75" customHeight="1">
      <c r="A51" s="249" t="s">
        <v>119</v>
      </c>
      <c r="B51" s="250"/>
      <c r="C51" s="42"/>
      <c r="D51" s="154">
        <v>-737</v>
      </c>
      <c r="E51" s="154">
        <v>-442</v>
      </c>
      <c r="F51" s="154">
        <v>208</v>
      </c>
      <c r="G51" s="154">
        <v>650</v>
      </c>
      <c r="H51" s="154">
        <v>-295</v>
      </c>
      <c r="I51" s="154">
        <v>1185</v>
      </c>
      <c r="J51" s="154">
        <v>1480</v>
      </c>
      <c r="K51" s="155">
        <v>-1.6311444569860345</v>
      </c>
      <c r="L51" s="155">
        <v>-0.97824402983422964</v>
      </c>
      <c r="M51" s="156">
        <v>-0.65290042715180485</v>
      </c>
    </row>
    <row r="52" spans="1:13" ht="9.75" customHeight="1">
      <c r="A52" s="249" t="s">
        <v>120</v>
      </c>
      <c r="B52" s="250"/>
      <c r="C52" s="42"/>
      <c r="D52" s="154">
        <v>-773</v>
      </c>
      <c r="E52" s="154">
        <v>-383</v>
      </c>
      <c r="F52" s="154">
        <v>1056</v>
      </c>
      <c r="G52" s="154">
        <v>1439</v>
      </c>
      <c r="H52" s="154">
        <v>-390</v>
      </c>
      <c r="I52" s="154">
        <v>5529</v>
      </c>
      <c r="J52" s="154">
        <v>5919</v>
      </c>
      <c r="K52" s="155">
        <v>-0.4619061846429639</v>
      </c>
      <c r="L52" s="155">
        <v>-0.22886166716462503</v>
      </c>
      <c r="M52" s="156">
        <v>-0.23304451747833882</v>
      </c>
    </row>
    <row r="53" spans="1:13" ht="9.75" customHeight="1">
      <c r="A53" s="249" t="s">
        <v>121</v>
      </c>
      <c r="B53" s="250"/>
      <c r="C53" s="42"/>
      <c r="D53" s="154">
        <v>-137</v>
      </c>
      <c r="E53" s="154">
        <v>-89</v>
      </c>
      <c r="F53" s="154">
        <v>1690</v>
      </c>
      <c r="G53" s="154">
        <v>1779</v>
      </c>
      <c r="H53" s="154">
        <v>-48</v>
      </c>
      <c r="I53" s="154">
        <v>10106</v>
      </c>
      <c r="J53" s="154">
        <v>10154</v>
      </c>
      <c r="K53" s="155">
        <v>-6.0710534828791865E-2</v>
      </c>
      <c r="L53" s="155">
        <v>-3.9439690509215149E-2</v>
      </c>
      <c r="M53" s="156">
        <v>-2.1270844319576709E-2</v>
      </c>
    </row>
    <row r="54" spans="1:13" ht="9.75" customHeight="1">
      <c r="A54" s="249" t="s">
        <v>122</v>
      </c>
      <c r="B54" s="250"/>
      <c r="C54" s="42"/>
      <c r="D54" s="154">
        <v>807</v>
      </c>
      <c r="E54" s="154">
        <v>254</v>
      </c>
      <c r="F54" s="154">
        <v>2072</v>
      </c>
      <c r="G54" s="154">
        <v>1818</v>
      </c>
      <c r="H54" s="154">
        <v>553</v>
      </c>
      <c r="I54" s="154">
        <v>11747</v>
      </c>
      <c r="J54" s="154">
        <v>11194</v>
      </c>
      <c r="K54" s="155">
        <v>0.3458606014631575</v>
      </c>
      <c r="L54" s="155">
        <v>0.10885823143945725</v>
      </c>
      <c r="M54" s="156">
        <v>0.23700237002370023</v>
      </c>
    </row>
    <row r="55" spans="1:13" ht="9.75" customHeight="1">
      <c r="A55" s="249" t="s">
        <v>123</v>
      </c>
      <c r="B55" s="250"/>
      <c r="C55" s="42"/>
      <c r="D55" s="154">
        <v>293</v>
      </c>
      <c r="E55" s="154">
        <v>-2</v>
      </c>
      <c r="F55" s="154">
        <v>784</v>
      </c>
      <c r="G55" s="154">
        <v>786</v>
      </c>
      <c r="H55" s="154">
        <v>295</v>
      </c>
      <c r="I55" s="154">
        <v>4831</v>
      </c>
      <c r="J55" s="154">
        <v>4536</v>
      </c>
      <c r="K55" s="155">
        <v>0.28861592411272768</v>
      </c>
      <c r="L55" s="155">
        <v>-1.9700745673223732E-3</v>
      </c>
      <c r="M55" s="156">
        <v>0.29058599868005003</v>
      </c>
    </row>
    <row r="56" spans="1:13" ht="9.75" customHeight="1">
      <c r="A56" s="249" t="s">
        <v>124</v>
      </c>
      <c r="B56" s="250"/>
      <c r="C56" s="42"/>
      <c r="D56" s="154">
        <v>439</v>
      </c>
      <c r="E56" s="154">
        <v>107</v>
      </c>
      <c r="F56" s="154">
        <v>1086</v>
      </c>
      <c r="G56" s="154">
        <v>979</v>
      </c>
      <c r="H56" s="154">
        <v>332</v>
      </c>
      <c r="I56" s="154">
        <v>6271</v>
      </c>
      <c r="J56" s="154">
        <v>5939</v>
      </c>
      <c r="K56" s="155">
        <v>0.33704673356417325</v>
      </c>
      <c r="L56" s="155">
        <v>8.2150342804935161E-2</v>
      </c>
      <c r="M56" s="156">
        <v>0.25489639075923803</v>
      </c>
    </row>
    <row r="57" spans="1:13" ht="9.75" customHeight="1">
      <c r="A57" s="249" t="s">
        <v>125</v>
      </c>
      <c r="B57" s="250"/>
      <c r="C57" s="42"/>
      <c r="D57" s="154">
        <v>389</v>
      </c>
      <c r="E57" s="154">
        <v>-126</v>
      </c>
      <c r="F57" s="154">
        <v>909</v>
      </c>
      <c r="G57" s="154">
        <v>1035</v>
      </c>
      <c r="H57" s="154">
        <v>515</v>
      </c>
      <c r="I57" s="154">
        <v>6816</v>
      </c>
      <c r="J57" s="154">
        <v>6301</v>
      </c>
      <c r="K57" s="155">
        <v>0.3023848760921613</v>
      </c>
      <c r="L57" s="155">
        <v>-9.7944715649389016E-2</v>
      </c>
      <c r="M57" s="156">
        <v>0.40032959174155036</v>
      </c>
    </row>
    <row r="58" spans="1:13" ht="9.75" customHeight="1">
      <c r="A58" s="249" t="s">
        <v>126</v>
      </c>
      <c r="B58" s="250"/>
      <c r="C58" s="42"/>
      <c r="D58" s="154">
        <v>-413</v>
      </c>
      <c r="E58" s="154">
        <v>-200</v>
      </c>
      <c r="F58" s="154">
        <v>265</v>
      </c>
      <c r="G58" s="154">
        <v>465</v>
      </c>
      <c r="H58" s="154">
        <v>-213</v>
      </c>
      <c r="I58" s="154">
        <v>1266</v>
      </c>
      <c r="J58" s="154">
        <v>1479</v>
      </c>
      <c r="K58" s="155">
        <v>-0.95486913899935266</v>
      </c>
      <c r="L58" s="155">
        <v>-0.46240636271155089</v>
      </c>
      <c r="M58" s="156">
        <v>-0.49246277628780166</v>
      </c>
    </row>
    <row r="59" spans="1:13" ht="9.75" customHeight="1">
      <c r="A59" s="249" t="s">
        <v>127</v>
      </c>
      <c r="B59" s="250"/>
      <c r="C59" s="42"/>
      <c r="D59" s="154">
        <v>-73</v>
      </c>
      <c r="E59" s="154">
        <v>-114</v>
      </c>
      <c r="F59" s="154">
        <v>604</v>
      </c>
      <c r="G59" s="154">
        <v>718</v>
      </c>
      <c r="H59" s="154">
        <v>41</v>
      </c>
      <c r="I59" s="154">
        <v>4047</v>
      </c>
      <c r="J59" s="154">
        <v>4006</v>
      </c>
      <c r="K59" s="155">
        <v>-8.6451918522027479E-2</v>
      </c>
      <c r="L59" s="155">
        <v>-0.1350071056371388</v>
      </c>
      <c r="M59" s="156">
        <v>4.8555187115111323E-2</v>
      </c>
    </row>
    <row r="60" spans="1:13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55"/>
      <c r="L60" s="155"/>
      <c r="M60" s="156"/>
    </row>
    <row r="61" spans="1:13" ht="9.75" customHeight="1">
      <c r="A61" s="249" t="s">
        <v>128</v>
      </c>
      <c r="B61" s="250"/>
      <c r="C61" s="42"/>
      <c r="D61" s="154">
        <v>-68</v>
      </c>
      <c r="E61" s="154">
        <v>-144</v>
      </c>
      <c r="F61" s="154">
        <v>198</v>
      </c>
      <c r="G61" s="154">
        <v>342</v>
      </c>
      <c r="H61" s="154">
        <v>76</v>
      </c>
      <c r="I61" s="154">
        <v>1285</v>
      </c>
      <c r="J61" s="154">
        <v>1209</v>
      </c>
      <c r="K61" s="155">
        <v>-0.21169951122318731</v>
      </c>
      <c r="L61" s="155">
        <v>-0.44830484729616144</v>
      </c>
      <c r="M61" s="156">
        <v>0.23660533607297407</v>
      </c>
    </row>
    <row r="62" spans="1:13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55"/>
      <c r="L62" s="155"/>
      <c r="M62" s="156"/>
    </row>
    <row r="63" spans="1:13" ht="9.75" customHeight="1">
      <c r="A63" s="249" t="s">
        <v>129</v>
      </c>
      <c r="B63" s="250"/>
      <c r="C63" s="42"/>
      <c r="D63" s="154">
        <v>57</v>
      </c>
      <c r="E63" s="154">
        <v>-95</v>
      </c>
      <c r="F63" s="154">
        <v>329</v>
      </c>
      <c r="G63" s="154">
        <v>424</v>
      </c>
      <c r="H63" s="154">
        <v>152</v>
      </c>
      <c r="I63" s="154">
        <v>2031</v>
      </c>
      <c r="J63" s="154">
        <v>1879</v>
      </c>
      <c r="K63" s="155">
        <v>0.11870548544295888</v>
      </c>
      <c r="L63" s="155">
        <v>-0.19784247573826483</v>
      </c>
      <c r="M63" s="156">
        <v>0.31654796118122375</v>
      </c>
    </row>
    <row r="64" spans="1:13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55"/>
      <c r="L64" s="155"/>
      <c r="M64" s="156"/>
    </row>
    <row r="65" spans="1:13" ht="9.75" customHeight="1">
      <c r="A65" s="247" t="s">
        <v>130</v>
      </c>
      <c r="B65" s="248"/>
      <c r="C65" s="49"/>
      <c r="D65" s="157">
        <v>-147</v>
      </c>
      <c r="E65" s="157">
        <v>-320</v>
      </c>
      <c r="F65" s="157">
        <v>351</v>
      </c>
      <c r="G65" s="157">
        <v>671</v>
      </c>
      <c r="H65" s="157">
        <v>173</v>
      </c>
      <c r="I65" s="157">
        <v>2303</v>
      </c>
      <c r="J65" s="157">
        <v>2130</v>
      </c>
      <c r="K65" s="158">
        <v>-0.24559351766769694</v>
      </c>
      <c r="L65" s="158">
        <v>-0.53462534458274158</v>
      </c>
      <c r="M65" s="159">
        <v>0.2890318269150447</v>
      </c>
    </row>
    <row r="66" spans="1:13" ht="9.75" customHeight="1">
      <c r="A66" s="40"/>
      <c r="B66" s="70" t="s">
        <v>131</v>
      </c>
      <c r="C66" s="42"/>
      <c r="D66" s="154">
        <v>35</v>
      </c>
      <c r="E66" s="154">
        <v>-166</v>
      </c>
      <c r="F66" s="154">
        <v>186</v>
      </c>
      <c r="G66" s="154">
        <v>352</v>
      </c>
      <c r="H66" s="154">
        <v>201</v>
      </c>
      <c r="I66" s="154">
        <v>1298</v>
      </c>
      <c r="J66" s="154">
        <v>1097</v>
      </c>
      <c r="K66" s="155">
        <v>0.11115698542255534</v>
      </c>
      <c r="L66" s="155">
        <v>-0.52720170228983387</v>
      </c>
      <c r="M66" s="156">
        <v>0.63835868771238924</v>
      </c>
    </row>
    <row r="67" spans="1:13" ht="9.75" customHeight="1">
      <c r="A67" s="40"/>
      <c r="B67" s="70" t="s">
        <v>132</v>
      </c>
      <c r="C67" s="42"/>
      <c r="D67" s="154">
        <v>-182</v>
      </c>
      <c r="E67" s="154">
        <v>-154</v>
      </c>
      <c r="F67" s="154">
        <v>165</v>
      </c>
      <c r="G67" s="154">
        <v>319</v>
      </c>
      <c r="H67" s="154">
        <v>-28</v>
      </c>
      <c r="I67" s="154">
        <v>1005</v>
      </c>
      <c r="J67" s="154">
        <v>1033</v>
      </c>
      <c r="K67" s="155">
        <v>-0.64156796390298931</v>
      </c>
      <c r="L67" s="155">
        <v>-0.54286520022560636</v>
      </c>
      <c r="M67" s="156">
        <v>-9.8702763677382982E-2</v>
      </c>
    </row>
    <row r="68" spans="1:13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55"/>
      <c r="L68" s="155"/>
      <c r="M68" s="156"/>
    </row>
    <row r="69" spans="1:13" ht="9.75" customHeight="1">
      <c r="A69" s="247" t="s">
        <v>133</v>
      </c>
      <c r="B69" s="248"/>
      <c r="C69" s="49"/>
      <c r="D69" s="157">
        <v>-294</v>
      </c>
      <c r="E69" s="157">
        <v>-342</v>
      </c>
      <c r="F69" s="157">
        <v>401</v>
      </c>
      <c r="G69" s="157">
        <v>743</v>
      </c>
      <c r="H69" s="157">
        <v>48</v>
      </c>
      <c r="I69" s="157">
        <v>2332</v>
      </c>
      <c r="J69" s="157">
        <v>2284</v>
      </c>
      <c r="K69" s="158">
        <v>-0.44845101359081135</v>
      </c>
      <c r="L69" s="158">
        <v>-0.52166750560563768</v>
      </c>
      <c r="M69" s="159">
        <v>7.3216492014826329E-2</v>
      </c>
    </row>
    <row r="70" spans="1:13" ht="9.75" customHeight="1">
      <c r="A70" s="40"/>
      <c r="B70" s="70" t="s">
        <v>134</v>
      </c>
      <c r="C70" s="42"/>
      <c r="D70" s="154">
        <v>-39</v>
      </c>
      <c r="E70" s="154">
        <v>-77</v>
      </c>
      <c r="F70" s="154">
        <v>35</v>
      </c>
      <c r="G70" s="154">
        <v>112</v>
      </c>
      <c r="H70" s="154">
        <v>38</v>
      </c>
      <c r="I70" s="154">
        <v>386</v>
      </c>
      <c r="J70" s="154">
        <v>348</v>
      </c>
      <c r="K70" s="155">
        <v>-0.40477426050856258</v>
      </c>
      <c r="L70" s="155">
        <v>-0.7991696938245979</v>
      </c>
      <c r="M70" s="156">
        <v>0.39439543331603533</v>
      </c>
    </row>
    <row r="71" spans="1:13" ht="9.75" customHeight="1">
      <c r="A71" s="40"/>
      <c r="B71" s="70" t="s">
        <v>135</v>
      </c>
      <c r="C71" s="42"/>
      <c r="D71" s="154">
        <v>-108</v>
      </c>
      <c r="E71" s="154">
        <v>-59</v>
      </c>
      <c r="F71" s="154">
        <v>114</v>
      </c>
      <c r="G71" s="154">
        <v>173</v>
      </c>
      <c r="H71" s="154">
        <v>-49</v>
      </c>
      <c r="I71" s="154">
        <v>546</v>
      </c>
      <c r="J71" s="154">
        <v>595</v>
      </c>
      <c r="K71" s="155">
        <v>-0.63398884649251541</v>
      </c>
      <c r="L71" s="155">
        <v>-0.34634575873202228</v>
      </c>
      <c r="M71" s="156">
        <v>-0.28764308776049313</v>
      </c>
    </row>
    <row r="72" spans="1:13" ht="9.75" customHeight="1">
      <c r="A72" s="40"/>
      <c r="B72" s="70" t="s">
        <v>136</v>
      </c>
      <c r="C72" s="42"/>
      <c r="D72" s="154">
        <v>-137</v>
      </c>
      <c r="E72" s="154">
        <v>-74</v>
      </c>
      <c r="F72" s="154">
        <v>76</v>
      </c>
      <c r="G72" s="154">
        <v>150</v>
      </c>
      <c r="H72" s="154">
        <v>-63</v>
      </c>
      <c r="I72" s="154">
        <v>408</v>
      </c>
      <c r="J72" s="154">
        <v>471</v>
      </c>
      <c r="K72" s="155">
        <v>-1.2281488121918422</v>
      </c>
      <c r="L72" s="155">
        <v>-0.663379650380995</v>
      </c>
      <c r="M72" s="156">
        <v>-0.56476916181084713</v>
      </c>
    </row>
    <row r="73" spans="1:13" ht="9.75" customHeight="1">
      <c r="A73" s="40"/>
      <c r="B73" s="70" t="s">
        <v>137</v>
      </c>
      <c r="C73" s="42"/>
      <c r="D73" s="154">
        <v>-282</v>
      </c>
      <c r="E73" s="154">
        <v>-138</v>
      </c>
      <c r="F73" s="154">
        <v>41</v>
      </c>
      <c r="G73" s="154">
        <v>179</v>
      </c>
      <c r="H73" s="154">
        <v>-144</v>
      </c>
      <c r="I73" s="154">
        <v>200</v>
      </c>
      <c r="J73" s="154">
        <v>344</v>
      </c>
      <c r="K73" s="155">
        <v>-2.6461480716899692</v>
      </c>
      <c r="L73" s="155">
        <v>-1.2949235244440274</v>
      </c>
      <c r="M73" s="156">
        <v>-1.3512245472459417</v>
      </c>
    </row>
    <row r="74" spans="1:13" ht="9.75" customHeight="1">
      <c r="A74" s="40"/>
      <c r="B74" s="70" t="s">
        <v>138</v>
      </c>
      <c r="C74" s="42"/>
      <c r="D74" s="154">
        <v>272</v>
      </c>
      <c r="E74" s="154">
        <v>6</v>
      </c>
      <c r="F74" s="154">
        <v>135</v>
      </c>
      <c r="G74" s="154">
        <v>129</v>
      </c>
      <c r="H74" s="154">
        <v>266</v>
      </c>
      <c r="I74" s="154">
        <v>792</v>
      </c>
      <c r="J74" s="154">
        <v>526</v>
      </c>
      <c r="K74" s="155">
        <v>1.5927856180828013</v>
      </c>
      <c r="L74" s="155">
        <v>3.5134976869473561E-2</v>
      </c>
      <c r="M74" s="156">
        <v>1.557650641213328</v>
      </c>
    </row>
    <row r="75" spans="1:13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55"/>
      <c r="L75" s="155"/>
      <c r="M75" s="156"/>
    </row>
    <row r="76" spans="1:13" ht="9.75" customHeight="1">
      <c r="A76" s="247" t="s">
        <v>139</v>
      </c>
      <c r="B76" s="248"/>
      <c r="C76" s="49"/>
      <c r="D76" s="157">
        <v>-574</v>
      </c>
      <c r="E76" s="157">
        <v>-493</v>
      </c>
      <c r="F76" s="157">
        <v>178</v>
      </c>
      <c r="G76" s="157">
        <v>671</v>
      </c>
      <c r="H76" s="157">
        <v>-81</v>
      </c>
      <c r="I76" s="157">
        <v>2275</v>
      </c>
      <c r="J76" s="157">
        <v>2356</v>
      </c>
      <c r="K76" s="158">
        <v>-1.3049310023416008</v>
      </c>
      <c r="L76" s="158">
        <v>-1.1207856866801555</v>
      </c>
      <c r="M76" s="159">
        <v>-0.18414531566144543</v>
      </c>
    </row>
    <row r="77" spans="1:13" ht="9.75" customHeight="1">
      <c r="A77" s="40"/>
      <c r="B77" s="70" t="s">
        <v>140</v>
      </c>
      <c r="C77" s="42"/>
      <c r="D77" s="154">
        <v>-84</v>
      </c>
      <c r="E77" s="154">
        <v>-108</v>
      </c>
      <c r="F77" s="154">
        <v>54</v>
      </c>
      <c r="G77" s="154">
        <v>162</v>
      </c>
      <c r="H77" s="154">
        <v>24</v>
      </c>
      <c r="I77" s="154">
        <v>1108</v>
      </c>
      <c r="J77" s="154">
        <v>1084</v>
      </c>
      <c r="K77" s="155">
        <v>-0.71599045346062051</v>
      </c>
      <c r="L77" s="155">
        <v>-0.9205591544493692</v>
      </c>
      <c r="M77" s="156">
        <v>0.20456870098874871</v>
      </c>
    </row>
    <row r="78" spans="1:13" ht="9.75" customHeight="1">
      <c r="A78" s="40"/>
      <c r="B78" s="70" t="s">
        <v>141</v>
      </c>
      <c r="C78" s="42"/>
      <c r="D78" s="154">
        <v>-161</v>
      </c>
      <c r="E78" s="154">
        <v>-113</v>
      </c>
      <c r="F78" s="154">
        <v>26</v>
      </c>
      <c r="G78" s="154">
        <v>139</v>
      </c>
      <c r="H78" s="154">
        <v>-48</v>
      </c>
      <c r="I78" s="154">
        <v>191</v>
      </c>
      <c r="J78" s="154">
        <v>239</v>
      </c>
      <c r="K78" s="155">
        <v>-2.2039698836413413</v>
      </c>
      <c r="L78" s="155">
        <v>-1.5468856947296372</v>
      </c>
      <c r="M78" s="156">
        <v>-0.65708418891170428</v>
      </c>
    </row>
    <row r="79" spans="1:13" ht="9.75" customHeight="1">
      <c r="A79" s="40"/>
      <c r="B79" s="70" t="s">
        <v>142</v>
      </c>
      <c r="C79" s="42"/>
      <c r="D79" s="154">
        <v>-329</v>
      </c>
      <c r="E79" s="154">
        <v>-272</v>
      </c>
      <c r="F79" s="154">
        <v>98</v>
      </c>
      <c r="G79" s="154">
        <v>370</v>
      </c>
      <c r="H79" s="154">
        <v>-57</v>
      </c>
      <c r="I79" s="154">
        <v>976</v>
      </c>
      <c r="J79" s="154">
        <v>1033</v>
      </c>
      <c r="K79" s="155">
        <v>-1.3186372745490982</v>
      </c>
      <c r="L79" s="155">
        <v>-1.0901803607214429</v>
      </c>
      <c r="M79" s="156">
        <v>-0.22845691382765532</v>
      </c>
    </row>
    <row r="80" spans="1:13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55"/>
      <c r="L80" s="155"/>
      <c r="M80" s="156"/>
    </row>
    <row r="81" spans="1:13" ht="9.75" customHeight="1">
      <c r="A81" s="247" t="s">
        <v>143</v>
      </c>
      <c r="B81" s="248"/>
      <c r="C81" s="49"/>
      <c r="D81" s="157">
        <v>-244</v>
      </c>
      <c r="E81" s="157">
        <v>-187</v>
      </c>
      <c r="F81" s="157">
        <v>243</v>
      </c>
      <c r="G81" s="157">
        <v>430</v>
      </c>
      <c r="H81" s="157">
        <v>-57</v>
      </c>
      <c r="I81" s="157">
        <v>1739</v>
      </c>
      <c r="J81" s="157">
        <v>1796</v>
      </c>
      <c r="K81" s="158">
        <v>-0.56019836532280287</v>
      </c>
      <c r="L81" s="158">
        <v>-0.42933235375149231</v>
      </c>
      <c r="M81" s="159">
        <v>-0.1308660115713105</v>
      </c>
    </row>
    <row r="82" spans="1:13" ht="9.75" customHeight="1">
      <c r="A82" s="40"/>
      <c r="B82" s="70" t="s">
        <v>144</v>
      </c>
      <c r="C82" s="42"/>
      <c r="D82" s="154">
        <v>-242</v>
      </c>
      <c r="E82" s="154">
        <v>-172</v>
      </c>
      <c r="F82" s="154">
        <v>231</v>
      </c>
      <c r="G82" s="154">
        <v>403</v>
      </c>
      <c r="H82" s="154">
        <v>-70</v>
      </c>
      <c r="I82" s="154">
        <v>1623</v>
      </c>
      <c r="J82" s="154">
        <v>1693</v>
      </c>
      <c r="K82" s="155">
        <v>-0.59957385659779006</v>
      </c>
      <c r="L82" s="155">
        <v>-0.42614340220999952</v>
      </c>
      <c r="M82" s="156">
        <v>-0.17343045438779051</v>
      </c>
    </row>
    <row r="83" spans="1:13" ht="9.75" customHeight="1">
      <c r="A83" s="40"/>
      <c r="B83" s="70" t="s">
        <v>145</v>
      </c>
      <c r="C83" s="42"/>
      <c r="D83" s="154">
        <v>-2</v>
      </c>
      <c r="E83" s="154">
        <v>-15</v>
      </c>
      <c r="F83" s="154">
        <v>12</v>
      </c>
      <c r="G83" s="154">
        <v>27</v>
      </c>
      <c r="H83" s="154">
        <v>13</v>
      </c>
      <c r="I83" s="154">
        <v>116</v>
      </c>
      <c r="J83" s="154">
        <v>103</v>
      </c>
      <c r="K83" s="155">
        <v>-6.2617407639323733E-2</v>
      </c>
      <c r="L83" s="155">
        <v>-0.46963055729492797</v>
      </c>
      <c r="M83" s="156">
        <v>0.4070131496556042</v>
      </c>
    </row>
    <row r="84" spans="1:13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79"/>
      <c r="L84" s="79"/>
      <c r="M84" s="147"/>
    </row>
    <row r="85" spans="1:13" ht="9.75" customHeight="1">
      <c r="A85" s="194" t="s">
        <v>146</v>
      </c>
      <c r="B85" s="194"/>
      <c r="C85" s="194"/>
      <c r="D85" s="194"/>
      <c r="E85" s="194"/>
      <c r="F85" s="194"/>
      <c r="G85" s="194"/>
      <c r="H85" s="194"/>
      <c r="I85" s="194"/>
      <c r="J85" s="194"/>
      <c r="K85" s="194"/>
      <c r="L85" s="194"/>
      <c r="M85" s="194"/>
    </row>
  </sheetData>
  <mergeCells count="37">
    <mergeCell ref="A1:M1"/>
    <mergeCell ref="A2:C2"/>
    <mergeCell ref="K2:M2"/>
    <mergeCell ref="A3:C4"/>
    <mergeCell ref="D3:D4"/>
    <mergeCell ref="E3:G3"/>
    <mergeCell ref="H3:J3"/>
    <mergeCell ref="K3:M3"/>
    <mergeCell ref="A49:B49"/>
    <mergeCell ref="A6:B6"/>
    <mergeCell ref="A7:B7"/>
    <mergeCell ref="A8:B8"/>
    <mergeCell ref="A10:B10"/>
    <mergeCell ref="A30:B30"/>
    <mergeCell ref="A39:B39"/>
    <mergeCell ref="A44:B44"/>
    <mergeCell ref="A45:B45"/>
    <mergeCell ref="A46:B46"/>
    <mergeCell ref="A47:B47"/>
    <mergeCell ref="A48:B48"/>
    <mergeCell ref="A63:B63"/>
    <mergeCell ref="A50:B50"/>
    <mergeCell ref="A51:B51"/>
    <mergeCell ref="A52:B52"/>
    <mergeCell ref="A53:B53"/>
    <mergeCell ref="A54:B54"/>
    <mergeCell ref="A55:B55"/>
    <mergeCell ref="A56:B56"/>
    <mergeCell ref="A57:B57"/>
    <mergeCell ref="A58:B58"/>
    <mergeCell ref="A59:B59"/>
    <mergeCell ref="A61:B61"/>
    <mergeCell ref="A65:B65"/>
    <mergeCell ref="A69:B69"/>
    <mergeCell ref="A76:B76"/>
    <mergeCell ref="A81:B81"/>
    <mergeCell ref="A85:M85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6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47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48</v>
      </c>
      <c r="B2" s="196"/>
      <c r="C2" s="196"/>
      <c r="I2" s="242" t="s">
        <v>53</v>
      </c>
      <c r="J2" s="242"/>
      <c r="K2" s="242"/>
    </row>
    <row r="3" spans="1:22" ht="15" customHeight="1">
      <c r="A3" s="197" t="s">
        <v>76</v>
      </c>
      <c r="B3" s="198"/>
      <c r="C3" s="198"/>
      <c r="D3" s="209" t="s">
        <v>149</v>
      </c>
      <c r="E3" s="198"/>
      <c r="F3" s="198"/>
      <c r="G3" s="256"/>
      <c r="H3" s="209" t="s">
        <v>150</v>
      </c>
      <c r="I3" s="198"/>
      <c r="J3" s="198"/>
      <c r="K3" s="257"/>
    </row>
    <row r="4" spans="1:22" ht="15" customHeight="1">
      <c r="A4" s="201"/>
      <c r="B4" s="202"/>
      <c r="C4" s="202"/>
      <c r="D4" s="9" t="s">
        <v>46</v>
      </c>
      <c r="E4" s="9" t="s">
        <v>47</v>
      </c>
      <c r="F4" s="9" t="s">
        <v>48</v>
      </c>
      <c r="G4" s="9" t="s">
        <v>49</v>
      </c>
      <c r="H4" s="9" t="s">
        <v>46</v>
      </c>
      <c r="I4" s="9" t="s">
        <v>47</v>
      </c>
      <c r="J4" s="9" t="s">
        <v>48</v>
      </c>
      <c r="K4" s="82" t="s">
        <v>49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0</v>
      </c>
      <c r="H5" s="14" t="s">
        <v>10</v>
      </c>
      <c r="I5" s="14" t="s">
        <v>10</v>
      </c>
      <c r="J5" s="14" t="s">
        <v>10</v>
      </c>
      <c r="K5" s="16" t="s">
        <v>10</v>
      </c>
    </row>
    <row r="6" spans="1:22" ht="9.75" customHeight="1">
      <c r="A6" s="251" t="s">
        <v>80</v>
      </c>
      <c r="B6" s="252"/>
      <c r="C6" s="19"/>
      <c r="D6" s="20">
        <v>486889</v>
      </c>
      <c r="E6" s="20">
        <v>259314</v>
      </c>
      <c r="F6" s="20">
        <v>216791</v>
      </c>
      <c r="G6" s="20">
        <v>10784</v>
      </c>
      <c r="H6" s="20">
        <v>462172</v>
      </c>
      <c r="I6" s="20">
        <v>233261</v>
      </c>
      <c r="J6" s="20">
        <v>217581</v>
      </c>
      <c r="K6" s="160">
        <v>11330</v>
      </c>
    </row>
    <row r="7" spans="1:22" s="32" customFormat="1" ht="9.75" customHeight="1">
      <c r="A7" s="253" t="s">
        <v>81</v>
      </c>
      <c r="B7" s="254"/>
      <c r="C7" s="35"/>
      <c r="D7" s="151">
        <v>474924</v>
      </c>
      <c r="E7" s="151">
        <v>254198</v>
      </c>
      <c r="F7" s="151">
        <v>210266</v>
      </c>
      <c r="G7" s="151">
        <v>10460</v>
      </c>
      <c r="H7" s="151">
        <v>450518</v>
      </c>
      <c r="I7" s="151">
        <v>228523</v>
      </c>
      <c r="J7" s="151">
        <v>210976</v>
      </c>
      <c r="K7" s="161">
        <v>11019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11965</v>
      </c>
      <c r="E8" s="151">
        <v>5116</v>
      </c>
      <c r="F8" s="151">
        <v>6525</v>
      </c>
      <c r="G8" s="151">
        <v>324</v>
      </c>
      <c r="H8" s="151">
        <v>11654</v>
      </c>
      <c r="I8" s="151">
        <v>4738</v>
      </c>
      <c r="J8" s="151">
        <v>6605</v>
      </c>
      <c r="K8" s="161">
        <v>311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215594</v>
      </c>
      <c r="E10" s="157">
        <v>108348</v>
      </c>
      <c r="F10" s="157">
        <v>102098</v>
      </c>
      <c r="G10" s="157">
        <v>5148</v>
      </c>
      <c r="H10" s="157">
        <v>207109</v>
      </c>
      <c r="I10" s="157">
        <v>97352</v>
      </c>
      <c r="J10" s="157">
        <v>104409</v>
      </c>
      <c r="K10" s="163">
        <v>5348</v>
      </c>
    </row>
    <row r="11" spans="1:22" ht="9.75" customHeight="1">
      <c r="A11" s="40"/>
      <c r="B11" s="70" t="s">
        <v>84</v>
      </c>
      <c r="C11" s="42"/>
      <c r="D11" s="154">
        <v>18339</v>
      </c>
      <c r="E11" s="154">
        <v>10841</v>
      </c>
      <c r="F11" s="154">
        <v>6961</v>
      </c>
      <c r="G11" s="154">
        <v>537</v>
      </c>
      <c r="H11" s="154">
        <v>16457</v>
      </c>
      <c r="I11" s="154">
        <v>8892</v>
      </c>
      <c r="J11" s="154">
        <v>7031</v>
      </c>
      <c r="K11" s="162">
        <v>534</v>
      </c>
    </row>
    <row r="12" spans="1:22" ht="9.75" customHeight="1">
      <c r="A12" s="40"/>
      <c r="B12" s="70" t="s">
        <v>85</v>
      </c>
      <c r="C12" s="42"/>
      <c r="D12" s="154">
        <v>17314</v>
      </c>
      <c r="E12" s="154">
        <v>8948</v>
      </c>
      <c r="F12" s="154">
        <v>8016</v>
      </c>
      <c r="G12" s="154">
        <v>350</v>
      </c>
      <c r="H12" s="154">
        <v>16450</v>
      </c>
      <c r="I12" s="154">
        <v>7601</v>
      </c>
      <c r="J12" s="154">
        <v>8496</v>
      </c>
      <c r="K12" s="162">
        <v>353</v>
      </c>
    </row>
    <row r="13" spans="1:22" ht="9.75" customHeight="1">
      <c r="A13" s="40"/>
      <c r="B13" s="70" t="s">
        <v>86</v>
      </c>
      <c r="C13" s="42"/>
      <c r="D13" s="154">
        <v>8718</v>
      </c>
      <c r="E13" s="154">
        <v>4249</v>
      </c>
      <c r="F13" s="154">
        <v>4244</v>
      </c>
      <c r="G13" s="154">
        <v>225</v>
      </c>
      <c r="H13" s="154">
        <v>8675</v>
      </c>
      <c r="I13" s="154">
        <v>3553</v>
      </c>
      <c r="J13" s="154">
        <v>4794</v>
      </c>
      <c r="K13" s="162">
        <v>328</v>
      </c>
    </row>
    <row r="14" spans="1:22" ht="9.75" customHeight="1">
      <c r="A14" s="40"/>
      <c r="B14" s="70" t="s">
        <v>87</v>
      </c>
      <c r="C14" s="42"/>
      <c r="D14" s="154">
        <v>13258</v>
      </c>
      <c r="E14" s="154">
        <v>7192</v>
      </c>
      <c r="F14" s="154">
        <v>5522</v>
      </c>
      <c r="G14" s="154">
        <v>544</v>
      </c>
      <c r="H14" s="154">
        <v>12359</v>
      </c>
      <c r="I14" s="154">
        <v>5471</v>
      </c>
      <c r="J14" s="154">
        <v>5965</v>
      </c>
      <c r="K14" s="162">
        <v>923</v>
      </c>
    </row>
    <row r="15" spans="1:22" ht="9.75" customHeight="1">
      <c r="A15" s="40"/>
      <c r="B15" s="70" t="s">
        <v>88</v>
      </c>
      <c r="C15" s="42"/>
      <c r="D15" s="154">
        <v>13126</v>
      </c>
      <c r="E15" s="154">
        <v>5767</v>
      </c>
      <c r="F15" s="154">
        <v>7028</v>
      </c>
      <c r="G15" s="154">
        <v>331</v>
      </c>
      <c r="H15" s="154">
        <v>12131</v>
      </c>
      <c r="I15" s="154">
        <v>4619</v>
      </c>
      <c r="J15" s="154">
        <v>7025</v>
      </c>
      <c r="K15" s="162">
        <v>487</v>
      </c>
    </row>
    <row r="16" spans="1:22" ht="9.75" customHeight="1">
      <c r="A16" s="40"/>
      <c r="B16" s="70" t="s">
        <v>89</v>
      </c>
      <c r="C16" s="42"/>
      <c r="D16" s="154">
        <v>9245</v>
      </c>
      <c r="E16" s="154">
        <v>3827</v>
      </c>
      <c r="F16" s="154">
        <v>5280</v>
      </c>
      <c r="G16" s="154">
        <v>138</v>
      </c>
      <c r="H16" s="154">
        <v>9615</v>
      </c>
      <c r="I16" s="154">
        <v>3897</v>
      </c>
      <c r="J16" s="154">
        <v>5571</v>
      </c>
      <c r="K16" s="162">
        <v>147</v>
      </c>
    </row>
    <row r="17" spans="1:11" ht="9.75" customHeight="1">
      <c r="A17" s="40"/>
      <c r="B17" s="70" t="s">
        <v>90</v>
      </c>
      <c r="C17" s="42"/>
      <c r="D17" s="154">
        <v>12710</v>
      </c>
      <c r="E17" s="154">
        <v>5442</v>
      </c>
      <c r="F17" s="154">
        <v>6992</v>
      </c>
      <c r="G17" s="154">
        <v>276</v>
      </c>
      <c r="H17" s="154">
        <v>10782</v>
      </c>
      <c r="I17" s="154">
        <v>4466</v>
      </c>
      <c r="J17" s="154">
        <v>5962</v>
      </c>
      <c r="K17" s="162">
        <v>354</v>
      </c>
    </row>
    <row r="18" spans="1:11" ht="9.75" customHeight="1">
      <c r="A18" s="40"/>
      <c r="B18" s="70" t="s">
        <v>91</v>
      </c>
      <c r="C18" s="42"/>
      <c r="D18" s="154">
        <v>10120</v>
      </c>
      <c r="E18" s="154">
        <v>3963</v>
      </c>
      <c r="F18" s="154">
        <v>5979</v>
      </c>
      <c r="G18" s="154">
        <v>178</v>
      </c>
      <c r="H18" s="154">
        <v>9857</v>
      </c>
      <c r="I18" s="154">
        <v>3938</v>
      </c>
      <c r="J18" s="154">
        <v>5751</v>
      </c>
      <c r="K18" s="162">
        <v>168</v>
      </c>
    </row>
    <row r="19" spans="1:11" ht="9.75" customHeight="1">
      <c r="A19" s="40"/>
      <c r="B19" s="70" t="s">
        <v>92</v>
      </c>
      <c r="C19" s="42"/>
      <c r="D19" s="154">
        <v>8967</v>
      </c>
      <c r="E19" s="154">
        <v>3682</v>
      </c>
      <c r="F19" s="154">
        <v>5076</v>
      </c>
      <c r="G19" s="154">
        <v>209</v>
      </c>
      <c r="H19" s="154">
        <v>8563</v>
      </c>
      <c r="I19" s="154">
        <v>3368</v>
      </c>
      <c r="J19" s="154">
        <v>4931</v>
      </c>
      <c r="K19" s="162">
        <v>264</v>
      </c>
    </row>
    <row r="20" spans="1:11" ht="9.75" customHeight="1">
      <c r="A20" s="40"/>
      <c r="B20" s="70" t="s">
        <v>93</v>
      </c>
      <c r="C20" s="42"/>
      <c r="D20" s="154">
        <v>8833</v>
      </c>
      <c r="E20" s="154">
        <v>4422</v>
      </c>
      <c r="F20" s="154">
        <v>4201</v>
      </c>
      <c r="G20" s="154">
        <v>210</v>
      </c>
      <c r="H20" s="154">
        <v>8947</v>
      </c>
      <c r="I20" s="154">
        <v>4341</v>
      </c>
      <c r="J20" s="154">
        <v>4372</v>
      </c>
      <c r="K20" s="162">
        <v>234</v>
      </c>
    </row>
    <row r="21" spans="1:11" ht="9.75" customHeight="1">
      <c r="A21" s="40"/>
      <c r="B21" s="70" t="s">
        <v>94</v>
      </c>
      <c r="C21" s="42"/>
      <c r="D21" s="154">
        <v>24398</v>
      </c>
      <c r="E21" s="154">
        <v>14776</v>
      </c>
      <c r="F21" s="154">
        <v>9081</v>
      </c>
      <c r="G21" s="154">
        <v>541</v>
      </c>
      <c r="H21" s="154">
        <v>23093</v>
      </c>
      <c r="I21" s="154">
        <v>12857</v>
      </c>
      <c r="J21" s="154">
        <v>9805</v>
      </c>
      <c r="K21" s="162">
        <v>431</v>
      </c>
    </row>
    <row r="22" spans="1:11" ht="9.75" customHeight="1">
      <c r="A22" s="40"/>
      <c r="B22" s="70" t="s">
        <v>95</v>
      </c>
      <c r="C22" s="42"/>
      <c r="D22" s="154">
        <v>9633</v>
      </c>
      <c r="E22" s="154">
        <v>4321</v>
      </c>
      <c r="F22" s="154">
        <v>5075</v>
      </c>
      <c r="G22" s="154">
        <v>237</v>
      </c>
      <c r="H22" s="154">
        <v>9095</v>
      </c>
      <c r="I22" s="154">
        <v>4538</v>
      </c>
      <c r="J22" s="154">
        <v>4396</v>
      </c>
      <c r="K22" s="162">
        <v>161</v>
      </c>
    </row>
    <row r="23" spans="1:11" ht="9.75" customHeight="1">
      <c r="A23" s="40"/>
      <c r="B23" s="70" t="s">
        <v>96</v>
      </c>
      <c r="C23" s="42"/>
      <c r="D23" s="154">
        <v>17684</v>
      </c>
      <c r="E23" s="154">
        <v>10915</v>
      </c>
      <c r="F23" s="154">
        <v>6260</v>
      </c>
      <c r="G23" s="154">
        <v>509</v>
      </c>
      <c r="H23" s="154">
        <v>17638</v>
      </c>
      <c r="I23" s="154">
        <v>10946</v>
      </c>
      <c r="J23" s="154">
        <v>6396</v>
      </c>
      <c r="K23" s="162">
        <v>296</v>
      </c>
    </row>
    <row r="24" spans="1:11" ht="9.75" customHeight="1">
      <c r="A24" s="40"/>
      <c r="B24" s="70" t="s">
        <v>97</v>
      </c>
      <c r="C24" s="42"/>
      <c r="D24" s="154">
        <v>11851</v>
      </c>
      <c r="E24" s="154">
        <v>6815</v>
      </c>
      <c r="F24" s="154">
        <v>4826</v>
      </c>
      <c r="G24" s="154">
        <v>210</v>
      </c>
      <c r="H24" s="154">
        <v>12412</v>
      </c>
      <c r="I24" s="154">
        <v>6300</v>
      </c>
      <c r="J24" s="154">
        <v>5921</v>
      </c>
      <c r="K24" s="162">
        <v>191</v>
      </c>
    </row>
    <row r="25" spans="1:11" ht="9.75" customHeight="1">
      <c r="A25" s="40"/>
      <c r="B25" s="70" t="s">
        <v>98</v>
      </c>
      <c r="C25" s="42"/>
      <c r="D25" s="154">
        <v>14021</v>
      </c>
      <c r="E25" s="154">
        <v>6733</v>
      </c>
      <c r="F25" s="154">
        <v>6973</v>
      </c>
      <c r="G25" s="154">
        <v>315</v>
      </c>
      <c r="H25" s="154">
        <v>13239</v>
      </c>
      <c r="I25" s="154">
        <v>6217</v>
      </c>
      <c r="J25" s="154">
        <v>6761</v>
      </c>
      <c r="K25" s="162">
        <v>261</v>
      </c>
    </row>
    <row r="26" spans="1:11" ht="9.75" customHeight="1">
      <c r="A26" s="40"/>
      <c r="B26" s="70" t="s">
        <v>99</v>
      </c>
      <c r="C26" s="42"/>
      <c r="D26" s="154">
        <v>5593</v>
      </c>
      <c r="E26" s="154">
        <v>2127</v>
      </c>
      <c r="F26" s="154">
        <v>3357</v>
      </c>
      <c r="G26" s="154">
        <v>109</v>
      </c>
      <c r="H26" s="154">
        <v>5997</v>
      </c>
      <c r="I26" s="154">
        <v>2119</v>
      </c>
      <c r="J26" s="154">
        <v>3794</v>
      </c>
      <c r="K26" s="162">
        <v>84</v>
      </c>
    </row>
    <row r="27" spans="1:11" ht="9.75" customHeight="1">
      <c r="A27" s="40"/>
      <c r="B27" s="70" t="s">
        <v>100</v>
      </c>
      <c r="C27" s="42"/>
      <c r="D27" s="154">
        <v>6378</v>
      </c>
      <c r="E27" s="154">
        <v>2417</v>
      </c>
      <c r="F27" s="154">
        <v>3848</v>
      </c>
      <c r="G27" s="154">
        <v>113</v>
      </c>
      <c r="H27" s="154">
        <v>6394</v>
      </c>
      <c r="I27" s="154">
        <v>2357</v>
      </c>
      <c r="J27" s="154">
        <v>3956</v>
      </c>
      <c r="K27" s="162">
        <v>81</v>
      </c>
    </row>
    <row r="28" spans="1:11" ht="9.75" customHeight="1">
      <c r="A28" s="40"/>
      <c r="B28" s="70" t="s">
        <v>101</v>
      </c>
      <c r="C28" s="42"/>
      <c r="D28" s="154">
        <v>5406</v>
      </c>
      <c r="E28" s="154">
        <v>1911</v>
      </c>
      <c r="F28" s="154">
        <v>3379</v>
      </c>
      <c r="G28" s="154">
        <v>116</v>
      </c>
      <c r="H28" s="154">
        <v>5405</v>
      </c>
      <c r="I28" s="154">
        <v>1872</v>
      </c>
      <c r="J28" s="154">
        <v>3482</v>
      </c>
      <c r="K28" s="162">
        <v>51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05390</v>
      </c>
      <c r="E30" s="157">
        <v>68046</v>
      </c>
      <c r="F30" s="157">
        <v>36422</v>
      </c>
      <c r="G30" s="157">
        <v>922</v>
      </c>
      <c r="H30" s="157">
        <v>95116</v>
      </c>
      <c r="I30" s="157">
        <v>57478</v>
      </c>
      <c r="J30" s="157">
        <v>35769</v>
      </c>
      <c r="K30" s="163">
        <v>1869</v>
      </c>
    </row>
    <row r="31" spans="1:11" ht="9.75" customHeight="1">
      <c r="A31" s="40"/>
      <c r="B31" s="70" t="s">
        <v>103</v>
      </c>
      <c r="C31" s="42"/>
      <c r="D31" s="154">
        <v>16214</v>
      </c>
      <c r="E31" s="154">
        <v>10834</v>
      </c>
      <c r="F31" s="154">
        <v>5128</v>
      </c>
      <c r="G31" s="154">
        <v>252</v>
      </c>
      <c r="H31" s="154">
        <v>13195</v>
      </c>
      <c r="I31" s="154">
        <v>7441</v>
      </c>
      <c r="J31" s="154">
        <v>5083</v>
      </c>
      <c r="K31" s="162">
        <v>671</v>
      </c>
    </row>
    <row r="32" spans="1:11" ht="9.75" customHeight="1">
      <c r="A32" s="40"/>
      <c r="B32" s="70" t="s">
        <v>104</v>
      </c>
      <c r="C32" s="42"/>
      <c r="D32" s="154">
        <v>11293</v>
      </c>
      <c r="E32" s="154">
        <v>6287</v>
      </c>
      <c r="F32" s="154">
        <v>4887</v>
      </c>
      <c r="G32" s="154">
        <v>119</v>
      </c>
      <c r="H32" s="154">
        <v>9324</v>
      </c>
      <c r="I32" s="154">
        <v>4956</v>
      </c>
      <c r="J32" s="154">
        <v>4152</v>
      </c>
      <c r="K32" s="162">
        <v>216</v>
      </c>
    </row>
    <row r="33" spans="1:11" ht="9.75" customHeight="1">
      <c r="A33" s="40"/>
      <c r="B33" s="70" t="s">
        <v>105</v>
      </c>
      <c r="C33" s="42"/>
      <c r="D33" s="154">
        <v>21372</v>
      </c>
      <c r="E33" s="154">
        <v>14064</v>
      </c>
      <c r="F33" s="154">
        <v>7168</v>
      </c>
      <c r="G33" s="154">
        <v>140</v>
      </c>
      <c r="H33" s="154">
        <v>19396</v>
      </c>
      <c r="I33" s="154">
        <v>11669</v>
      </c>
      <c r="J33" s="154">
        <v>7464</v>
      </c>
      <c r="K33" s="162">
        <v>263</v>
      </c>
    </row>
    <row r="34" spans="1:11" ht="9.75" customHeight="1">
      <c r="A34" s="40"/>
      <c r="B34" s="70" t="s">
        <v>106</v>
      </c>
      <c r="C34" s="42"/>
      <c r="D34" s="154">
        <v>15966</v>
      </c>
      <c r="E34" s="154">
        <v>10182</v>
      </c>
      <c r="F34" s="154">
        <v>5673</v>
      </c>
      <c r="G34" s="154">
        <v>111</v>
      </c>
      <c r="H34" s="154">
        <v>15885</v>
      </c>
      <c r="I34" s="154">
        <v>9235</v>
      </c>
      <c r="J34" s="154">
        <v>6473</v>
      </c>
      <c r="K34" s="162">
        <v>177</v>
      </c>
    </row>
    <row r="35" spans="1:11" ht="9.75" customHeight="1">
      <c r="A35" s="40"/>
      <c r="B35" s="70" t="s">
        <v>107</v>
      </c>
      <c r="C35" s="42"/>
      <c r="D35" s="154">
        <v>14676</v>
      </c>
      <c r="E35" s="154">
        <v>8785</v>
      </c>
      <c r="F35" s="154">
        <v>5771</v>
      </c>
      <c r="G35" s="154">
        <v>120</v>
      </c>
      <c r="H35" s="154">
        <v>13020</v>
      </c>
      <c r="I35" s="154">
        <v>7747</v>
      </c>
      <c r="J35" s="154">
        <v>5087</v>
      </c>
      <c r="K35" s="162">
        <v>186</v>
      </c>
    </row>
    <row r="36" spans="1:11" ht="9.75" customHeight="1">
      <c r="A36" s="40"/>
      <c r="B36" s="70" t="s">
        <v>108</v>
      </c>
      <c r="C36" s="42"/>
      <c r="D36" s="154">
        <v>15391</v>
      </c>
      <c r="E36" s="154">
        <v>10791</v>
      </c>
      <c r="F36" s="154">
        <v>4490</v>
      </c>
      <c r="G36" s="154">
        <v>110</v>
      </c>
      <c r="H36" s="154">
        <v>14661</v>
      </c>
      <c r="I36" s="154">
        <v>9737</v>
      </c>
      <c r="J36" s="154">
        <v>4676</v>
      </c>
      <c r="K36" s="162">
        <v>248</v>
      </c>
    </row>
    <row r="37" spans="1:11" ht="9.75" customHeight="1">
      <c r="A37" s="40"/>
      <c r="B37" s="70" t="s">
        <v>109</v>
      </c>
      <c r="C37" s="42"/>
      <c r="D37" s="154">
        <v>10478</v>
      </c>
      <c r="E37" s="154">
        <v>7103</v>
      </c>
      <c r="F37" s="154">
        <v>3305</v>
      </c>
      <c r="G37" s="154">
        <v>70</v>
      </c>
      <c r="H37" s="154">
        <v>9635</v>
      </c>
      <c r="I37" s="154">
        <v>6693</v>
      </c>
      <c r="J37" s="154">
        <v>2834</v>
      </c>
      <c r="K37" s="162">
        <v>108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33582</v>
      </c>
      <c r="E39" s="157">
        <v>18234</v>
      </c>
      <c r="F39" s="157">
        <v>14394</v>
      </c>
      <c r="G39" s="157">
        <v>954</v>
      </c>
      <c r="H39" s="157">
        <v>32918</v>
      </c>
      <c r="I39" s="157">
        <v>18051</v>
      </c>
      <c r="J39" s="157">
        <v>13915</v>
      </c>
      <c r="K39" s="163">
        <v>952</v>
      </c>
    </row>
    <row r="40" spans="1:11" ht="9.75" customHeight="1">
      <c r="A40" s="40"/>
      <c r="B40" s="70" t="s">
        <v>95</v>
      </c>
      <c r="C40" s="42"/>
      <c r="D40" s="154">
        <v>7145</v>
      </c>
      <c r="E40" s="154">
        <v>4393</v>
      </c>
      <c r="F40" s="154">
        <v>2563</v>
      </c>
      <c r="G40" s="154">
        <v>189</v>
      </c>
      <c r="H40" s="154">
        <v>7514</v>
      </c>
      <c r="I40" s="154">
        <v>4369</v>
      </c>
      <c r="J40" s="154">
        <v>2912</v>
      </c>
      <c r="K40" s="162">
        <v>233</v>
      </c>
    </row>
    <row r="41" spans="1:11" ht="9.75" customHeight="1">
      <c r="A41" s="40"/>
      <c r="B41" s="70" t="s">
        <v>111</v>
      </c>
      <c r="C41" s="42"/>
      <c r="D41" s="154">
        <v>12597</v>
      </c>
      <c r="E41" s="154">
        <v>6654</v>
      </c>
      <c r="F41" s="154">
        <v>5573</v>
      </c>
      <c r="G41" s="154">
        <v>370</v>
      </c>
      <c r="H41" s="154">
        <v>11864</v>
      </c>
      <c r="I41" s="154">
        <v>6448</v>
      </c>
      <c r="J41" s="154">
        <v>4977</v>
      </c>
      <c r="K41" s="162">
        <v>439</v>
      </c>
    </row>
    <row r="42" spans="1:11" ht="9.75" customHeight="1">
      <c r="A42" s="40"/>
      <c r="B42" s="70" t="s">
        <v>88</v>
      </c>
      <c r="C42" s="42"/>
      <c r="D42" s="154">
        <v>13840</v>
      </c>
      <c r="E42" s="154">
        <v>7187</v>
      </c>
      <c r="F42" s="154">
        <v>6258</v>
      </c>
      <c r="G42" s="154">
        <v>395</v>
      </c>
      <c r="H42" s="154">
        <v>13540</v>
      </c>
      <c r="I42" s="154">
        <v>7234</v>
      </c>
      <c r="J42" s="154">
        <v>6026</v>
      </c>
      <c r="K42" s="162">
        <v>280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14449</v>
      </c>
      <c r="E44" s="154">
        <v>8945</v>
      </c>
      <c r="F44" s="154">
        <v>4892</v>
      </c>
      <c r="G44" s="154">
        <v>612</v>
      </c>
      <c r="H44" s="154">
        <v>15123</v>
      </c>
      <c r="I44" s="154">
        <v>9194</v>
      </c>
      <c r="J44" s="154">
        <v>5878</v>
      </c>
      <c r="K44" s="162">
        <v>51</v>
      </c>
    </row>
    <row r="45" spans="1:11" ht="9.75" customHeight="1">
      <c r="A45" s="249" t="s">
        <v>113</v>
      </c>
      <c r="B45" s="250"/>
      <c r="C45" s="42"/>
      <c r="D45" s="154">
        <v>9141</v>
      </c>
      <c r="E45" s="154">
        <v>4074</v>
      </c>
      <c r="F45" s="154">
        <v>4546</v>
      </c>
      <c r="G45" s="154">
        <v>521</v>
      </c>
      <c r="H45" s="154">
        <v>8495</v>
      </c>
      <c r="I45" s="154">
        <v>4053</v>
      </c>
      <c r="J45" s="154">
        <v>4128</v>
      </c>
      <c r="K45" s="162">
        <v>314</v>
      </c>
    </row>
    <row r="46" spans="1:11" ht="9.75" customHeight="1">
      <c r="A46" s="249" t="s">
        <v>114</v>
      </c>
      <c r="B46" s="250"/>
      <c r="C46" s="42"/>
      <c r="D46" s="154">
        <v>7273</v>
      </c>
      <c r="E46" s="154">
        <v>4125</v>
      </c>
      <c r="F46" s="154">
        <v>3093</v>
      </c>
      <c r="G46" s="154">
        <v>55</v>
      </c>
      <c r="H46" s="154">
        <v>6958</v>
      </c>
      <c r="I46" s="154">
        <v>3464</v>
      </c>
      <c r="J46" s="154">
        <v>3420</v>
      </c>
      <c r="K46" s="162">
        <v>74</v>
      </c>
    </row>
    <row r="47" spans="1:11" ht="9.75" customHeight="1">
      <c r="A47" s="249" t="s">
        <v>115</v>
      </c>
      <c r="B47" s="250"/>
      <c r="C47" s="42"/>
      <c r="D47" s="154">
        <v>18875</v>
      </c>
      <c r="E47" s="154">
        <v>9734</v>
      </c>
      <c r="F47" s="154">
        <v>8867</v>
      </c>
      <c r="G47" s="154">
        <v>274</v>
      </c>
      <c r="H47" s="154">
        <v>16408</v>
      </c>
      <c r="I47" s="154">
        <v>8066</v>
      </c>
      <c r="J47" s="154">
        <v>8092</v>
      </c>
      <c r="K47" s="162">
        <v>250</v>
      </c>
    </row>
    <row r="48" spans="1:11" ht="9.75" customHeight="1">
      <c r="A48" s="249" t="s">
        <v>116</v>
      </c>
      <c r="B48" s="250"/>
      <c r="C48" s="42"/>
      <c r="D48" s="154">
        <v>6636</v>
      </c>
      <c r="E48" s="154">
        <v>3605</v>
      </c>
      <c r="F48" s="154">
        <v>2962</v>
      </c>
      <c r="G48" s="154">
        <v>69</v>
      </c>
      <c r="H48" s="154">
        <v>6559</v>
      </c>
      <c r="I48" s="154">
        <v>3318</v>
      </c>
      <c r="J48" s="154">
        <v>3217</v>
      </c>
      <c r="K48" s="162">
        <v>24</v>
      </c>
    </row>
    <row r="49" spans="1:11" ht="9.75" customHeight="1">
      <c r="A49" s="249" t="s">
        <v>117</v>
      </c>
      <c r="B49" s="250"/>
      <c r="C49" s="42"/>
      <c r="D49" s="154">
        <v>9420</v>
      </c>
      <c r="E49" s="154">
        <v>4664</v>
      </c>
      <c r="F49" s="154">
        <v>4672</v>
      </c>
      <c r="G49" s="154">
        <v>84</v>
      </c>
      <c r="H49" s="154">
        <v>8557</v>
      </c>
      <c r="I49" s="154">
        <v>4102</v>
      </c>
      <c r="J49" s="154">
        <v>4300</v>
      </c>
      <c r="K49" s="162">
        <v>155</v>
      </c>
    </row>
    <row r="50" spans="1:11" ht="9.75" customHeight="1">
      <c r="A50" s="249" t="s">
        <v>118</v>
      </c>
      <c r="B50" s="250"/>
      <c r="C50" s="42"/>
      <c r="D50" s="154">
        <v>2766</v>
      </c>
      <c r="E50" s="154">
        <v>1330</v>
      </c>
      <c r="F50" s="154">
        <v>1411</v>
      </c>
      <c r="G50" s="154">
        <v>25</v>
      </c>
      <c r="H50" s="154">
        <v>2267</v>
      </c>
      <c r="I50" s="154">
        <v>1072</v>
      </c>
      <c r="J50" s="154">
        <v>1182</v>
      </c>
      <c r="K50" s="162">
        <v>13</v>
      </c>
    </row>
    <row r="51" spans="1:11" ht="9.75" customHeight="1">
      <c r="A51" s="249" t="s">
        <v>119</v>
      </c>
      <c r="B51" s="250"/>
      <c r="C51" s="42"/>
      <c r="D51" s="154">
        <v>1185</v>
      </c>
      <c r="E51" s="154">
        <v>464</v>
      </c>
      <c r="F51" s="154">
        <v>711</v>
      </c>
      <c r="G51" s="154">
        <v>10</v>
      </c>
      <c r="H51" s="154">
        <v>1480</v>
      </c>
      <c r="I51" s="154">
        <v>460</v>
      </c>
      <c r="J51" s="154">
        <v>984</v>
      </c>
      <c r="K51" s="162">
        <v>36</v>
      </c>
    </row>
    <row r="52" spans="1:11" ht="9.75" customHeight="1">
      <c r="A52" s="249" t="s">
        <v>120</v>
      </c>
      <c r="B52" s="250"/>
      <c r="C52" s="42"/>
      <c r="D52" s="154">
        <v>5529</v>
      </c>
      <c r="E52" s="154">
        <v>2798</v>
      </c>
      <c r="F52" s="154">
        <v>2641</v>
      </c>
      <c r="G52" s="154">
        <v>90</v>
      </c>
      <c r="H52" s="154">
        <v>5919</v>
      </c>
      <c r="I52" s="154">
        <v>2864</v>
      </c>
      <c r="J52" s="154">
        <v>2978</v>
      </c>
      <c r="K52" s="162">
        <v>77</v>
      </c>
    </row>
    <row r="53" spans="1:11" ht="9.75" customHeight="1">
      <c r="A53" s="249" t="s">
        <v>121</v>
      </c>
      <c r="B53" s="250"/>
      <c r="C53" s="42"/>
      <c r="D53" s="154">
        <v>10106</v>
      </c>
      <c r="E53" s="154">
        <v>5561</v>
      </c>
      <c r="F53" s="154">
        <v>4278</v>
      </c>
      <c r="G53" s="154">
        <v>267</v>
      </c>
      <c r="H53" s="154">
        <v>10154</v>
      </c>
      <c r="I53" s="154">
        <v>5171</v>
      </c>
      <c r="J53" s="154">
        <v>4620</v>
      </c>
      <c r="K53" s="162">
        <v>363</v>
      </c>
    </row>
    <row r="54" spans="1:11" ht="9.75" customHeight="1">
      <c r="A54" s="249" t="s">
        <v>122</v>
      </c>
      <c r="B54" s="250"/>
      <c r="C54" s="42"/>
      <c r="D54" s="154">
        <v>11747</v>
      </c>
      <c r="E54" s="154">
        <v>4525</v>
      </c>
      <c r="F54" s="154">
        <v>6208</v>
      </c>
      <c r="G54" s="154">
        <v>1014</v>
      </c>
      <c r="H54" s="154">
        <v>11194</v>
      </c>
      <c r="I54" s="154">
        <v>4696</v>
      </c>
      <c r="J54" s="154">
        <v>5608</v>
      </c>
      <c r="K54" s="162">
        <v>890</v>
      </c>
    </row>
    <row r="55" spans="1:11" ht="9.75" customHeight="1">
      <c r="A55" s="249" t="s">
        <v>123</v>
      </c>
      <c r="B55" s="250"/>
      <c r="C55" s="42"/>
      <c r="D55" s="154">
        <v>4831</v>
      </c>
      <c r="E55" s="154">
        <v>2372</v>
      </c>
      <c r="F55" s="154">
        <v>2386</v>
      </c>
      <c r="G55" s="154">
        <v>73</v>
      </c>
      <c r="H55" s="154">
        <v>4536</v>
      </c>
      <c r="I55" s="154">
        <v>1920</v>
      </c>
      <c r="J55" s="154">
        <v>2513</v>
      </c>
      <c r="K55" s="162">
        <v>103</v>
      </c>
    </row>
    <row r="56" spans="1:11" ht="9.75" customHeight="1">
      <c r="A56" s="249" t="s">
        <v>124</v>
      </c>
      <c r="B56" s="250"/>
      <c r="C56" s="42"/>
      <c r="D56" s="154">
        <v>6271</v>
      </c>
      <c r="E56" s="154">
        <v>2654</v>
      </c>
      <c r="F56" s="154">
        <v>3516</v>
      </c>
      <c r="G56" s="154">
        <v>101</v>
      </c>
      <c r="H56" s="154">
        <v>5939</v>
      </c>
      <c r="I56" s="154">
        <v>2623</v>
      </c>
      <c r="J56" s="154">
        <v>3165</v>
      </c>
      <c r="K56" s="162">
        <v>151</v>
      </c>
    </row>
    <row r="57" spans="1:11" ht="9.75" customHeight="1">
      <c r="A57" s="249" t="s">
        <v>125</v>
      </c>
      <c r="B57" s="250"/>
      <c r="C57" s="42"/>
      <c r="D57" s="154">
        <v>6816</v>
      </c>
      <c r="E57" s="154">
        <v>2676</v>
      </c>
      <c r="F57" s="154">
        <v>4040</v>
      </c>
      <c r="G57" s="154">
        <v>100</v>
      </c>
      <c r="H57" s="154">
        <v>6301</v>
      </c>
      <c r="I57" s="154">
        <v>2693</v>
      </c>
      <c r="J57" s="154">
        <v>3488</v>
      </c>
      <c r="K57" s="162">
        <v>120</v>
      </c>
    </row>
    <row r="58" spans="1:11" ht="9.75" customHeight="1">
      <c r="A58" s="249" t="s">
        <v>126</v>
      </c>
      <c r="B58" s="250"/>
      <c r="C58" s="42"/>
      <c r="D58" s="154">
        <v>1266</v>
      </c>
      <c r="E58" s="154">
        <v>468</v>
      </c>
      <c r="F58" s="154">
        <v>796</v>
      </c>
      <c r="G58" s="154">
        <v>2</v>
      </c>
      <c r="H58" s="154">
        <v>1479</v>
      </c>
      <c r="I58" s="154">
        <v>499</v>
      </c>
      <c r="J58" s="154">
        <v>965</v>
      </c>
      <c r="K58" s="162">
        <v>15</v>
      </c>
    </row>
    <row r="59" spans="1:11" ht="9.75" customHeight="1">
      <c r="A59" s="249" t="s">
        <v>127</v>
      </c>
      <c r="B59" s="250"/>
      <c r="C59" s="42"/>
      <c r="D59" s="154">
        <v>4047</v>
      </c>
      <c r="E59" s="154">
        <v>1575</v>
      </c>
      <c r="F59" s="154">
        <v>2333</v>
      </c>
      <c r="G59" s="154">
        <v>139</v>
      </c>
      <c r="H59" s="154">
        <v>4006</v>
      </c>
      <c r="I59" s="154">
        <v>1447</v>
      </c>
      <c r="J59" s="154">
        <v>2345</v>
      </c>
      <c r="K59" s="162">
        <v>214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4">
        <v>1285</v>
      </c>
      <c r="E61" s="154">
        <v>616</v>
      </c>
      <c r="F61" s="154">
        <v>651</v>
      </c>
      <c r="G61" s="154">
        <v>18</v>
      </c>
      <c r="H61" s="154">
        <v>1209</v>
      </c>
      <c r="I61" s="154">
        <v>593</v>
      </c>
      <c r="J61" s="154">
        <v>612</v>
      </c>
      <c r="K61" s="162">
        <v>4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4">
        <v>2031</v>
      </c>
      <c r="E63" s="154">
        <v>702</v>
      </c>
      <c r="F63" s="154">
        <v>1307</v>
      </c>
      <c r="G63" s="154">
        <v>22</v>
      </c>
      <c r="H63" s="154">
        <v>1879</v>
      </c>
      <c r="I63" s="154">
        <v>684</v>
      </c>
      <c r="J63" s="154">
        <v>1157</v>
      </c>
      <c r="K63" s="162">
        <v>38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2303</v>
      </c>
      <c r="E65" s="157">
        <v>889</v>
      </c>
      <c r="F65" s="157">
        <v>1378</v>
      </c>
      <c r="G65" s="157">
        <v>36</v>
      </c>
      <c r="H65" s="157">
        <v>2130</v>
      </c>
      <c r="I65" s="157">
        <v>887</v>
      </c>
      <c r="J65" s="157">
        <v>1215</v>
      </c>
      <c r="K65" s="163">
        <v>28</v>
      </c>
    </row>
    <row r="66" spans="1:11" ht="9.75" customHeight="1">
      <c r="A66" s="40"/>
      <c r="B66" s="70" t="s">
        <v>131</v>
      </c>
      <c r="C66" s="42"/>
      <c r="D66" s="154">
        <v>1298</v>
      </c>
      <c r="E66" s="154">
        <v>495</v>
      </c>
      <c r="F66" s="154">
        <v>773</v>
      </c>
      <c r="G66" s="154">
        <v>30</v>
      </c>
      <c r="H66" s="154">
        <v>1097</v>
      </c>
      <c r="I66" s="154">
        <v>468</v>
      </c>
      <c r="J66" s="154">
        <v>603</v>
      </c>
      <c r="K66" s="162">
        <v>26</v>
      </c>
    </row>
    <row r="67" spans="1:11" ht="9.75" customHeight="1">
      <c r="A67" s="40"/>
      <c r="B67" s="70" t="s">
        <v>132</v>
      </c>
      <c r="C67" s="42"/>
      <c r="D67" s="154">
        <v>1005</v>
      </c>
      <c r="E67" s="154">
        <v>394</v>
      </c>
      <c r="F67" s="154">
        <v>605</v>
      </c>
      <c r="G67" s="154">
        <v>6</v>
      </c>
      <c r="H67" s="154">
        <v>1033</v>
      </c>
      <c r="I67" s="154">
        <v>419</v>
      </c>
      <c r="J67" s="154">
        <v>612</v>
      </c>
      <c r="K67" s="162">
        <v>2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2332</v>
      </c>
      <c r="E69" s="157">
        <v>804</v>
      </c>
      <c r="F69" s="157">
        <v>1509</v>
      </c>
      <c r="G69" s="157">
        <v>19</v>
      </c>
      <c r="H69" s="157">
        <v>2284</v>
      </c>
      <c r="I69" s="157">
        <v>756</v>
      </c>
      <c r="J69" s="157">
        <v>1502</v>
      </c>
      <c r="K69" s="163">
        <v>26</v>
      </c>
    </row>
    <row r="70" spans="1:11" ht="9.75" customHeight="1">
      <c r="A70" s="40"/>
      <c r="B70" s="70" t="s">
        <v>134</v>
      </c>
      <c r="C70" s="42"/>
      <c r="D70" s="154">
        <v>386</v>
      </c>
      <c r="E70" s="154">
        <v>183</v>
      </c>
      <c r="F70" s="154">
        <v>199</v>
      </c>
      <c r="G70" s="154">
        <v>4</v>
      </c>
      <c r="H70" s="154">
        <v>348</v>
      </c>
      <c r="I70" s="154">
        <v>156</v>
      </c>
      <c r="J70" s="154">
        <v>182</v>
      </c>
      <c r="K70" s="162">
        <v>10</v>
      </c>
    </row>
    <row r="71" spans="1:11" ht="9.75" customHeight="1">
      <c r="A71" s="40"/>
      <c r="B71" s="70" t="s">
        <v>135</v>
      </c>
      <c r="C71" s="42"/>
      <c r="D71" s="154">
        <v>546</v>
      </c>
      <c r="E71" s="154">
        <v>161</v>
      </c>
      <c r="F71" s="154">
        <v>381</v>
      </c>
      <c r="G71" s="154">
        <v>4</v>
      </c>
      <c r="H71" s="154">
        <v>595</v>
      </c>
      <c r="I71" s="154">
        <v>177</v>
      </c>
      <c r="J71" s="154">
        <v>409</v>
      </c>
      <c r="K71" s="162">
        <v>9</v>
      </c>
    </row>
    <row r="72" spans="1:11" ht="9.75" customHeight="1">
      <c r="A72" s="40"/>
      <c r="B72" s="70" t="s">
        <v>136</v>
      </c>
      <c r="C72" s="42"/>
      <c r="D72" s="154">
        <v>408</v>
      </c>
      <c r="E72" s="154">
        <v>153</v>
      </c>
      <c r="F72" s="154">
        <v>250</v>
      </c>
      <c r="G72" s="154">
        <v>5</v>
      </c>
      <c r="H72" s="154">
        <v>471</v>
      </c>
      <c r="I72" s="154">
        <v>138</v>
      </c>
      <c r="J72" s="154">
        <v>329</v>
      </c>
      <c r="K72" s="162">
        <v>4</v>
      </c>
    </row>
    <row r="73" spans="1:11" ht="9.75" customHeight="1">
      <c r="A73" s="40"/>
      <c r="B73" s="70" t="s">
        <v>137</v>
      </c>
      <c r="C73" s="42"/>
      <c r="D73" s="154">
        <v>200</v>
      </c>
      <c r="E73" s="154">
        <v>72</v>
      </c>
      <c r="F73" s="154">
        <v>123</v>
      </c>
      <c r="G73" s="154">
        <v>5</v>
      </c>
      <c r="H73" s="154">
        <v>344</v>
      </c>
      <c r="I73" s="154">
        <v>108</v>
      </c>
      <c r="J73" s="154">
        <v>234</v>
      </c>
      <c r="K73" s="162">
        <v>2</v>
      </c>
    </row>
    <row r="74" spans="1:11" ht="9.75" customHeight="1">
      <c r="A74" s="40"/>
      <c r="B74" s="70" t="s">
        <v>138</v>
      </c>
      <c r="C74" s="42"/>
      <c r="D74" s="154">
        <v>792</v>
      </c>
      <c r="E74" s="154">
        <v>235</v>
      </c>
      <c r="F74" s="154">
        <v>556</v>
      </c>
      <c r="G74" s="154">
        <v>1</v>
      </c>
      <c r="H74" s="154">
        <v>526</v>
      </c>
      <c r="I74" s="154">
        <v>177</v>
      </c>
      <c r="J74" s="154">
        <v>348</v>
      </c>
      <c r="K74" s="162">
        <v>1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2275</v>
      </c>
      <c r="E76" s="157">
        <v>1326</v>
      </c>
      <c r="F76" s="157">
        <v>764</v>
      </c>
      <c r="G76" s="157">
        <v>185</v>
      </c>
      <c r="H76" s="157">
        <v>2356</v>
      </c>
      <c r="I76" s="157">
        <v>1162</v>
      </c>
      <c r="J76" s="157">
        <v>1097</v>
      </c>
      <c r="K76" s="163">
        <v>97</v>
      </c>
    </row>
    <row r="77" spans="1:11" ht="9.75" customHeight="1">
      <c r="A77" s="40"/>
      <c r="B77" s="70" t="s">
        <v>140</v>
      </c>
      <c r="C77" s="42"/>
      <c r="D77" s="154">
        <v>1108</v>
      </c>
      <c r="E77" s="154">
        <v>610</v>
      </c>
      <c r="F77" s="154">
        <v>332</v>
      </c>
      <c r="G77" s="154">
        <v>166</v>
      </c>
      <c r="H77" s="154">
        <v>1084</v>
      </c>
      <c r="I77" s="154">
        <v>513</v>
      </c>
      <c r="J77" s="154">
        <v>485</v>
      </c>
      <c r="K77" s="162">
        <v>86</v>
      </c>
    </row>
    <row r="78" spans="1:11" ht="9.75" customHeight="1">
      <c r="A78" s="40"/>
      <c r="B78" s="70" t="s">
        <v>141</v>
      </c>
      <c r="C78" s="42"/>
      <c r="D78" s="154">
        <v>191</v>
      </c>
      <c r="E78" s="154">
        <v>88</v>
      </c>
      <c r="F78" s="154">
        <v>102</v>
      </c>
      <c r="G78" s="154">
        <v>1</v>
      </c>
      <c r="H78" s="154">
        <v>239</v>
      </c>
      <c r="I78" s="154">
        <v>82</v>
      </c>
      <c r="J78" s="154">
        <v>157</v>
      </c>
      <c r="K78" s="162">
        <v>0</v>
      </c>
    </row>
    <row r="79" spans="1:11" ht="9.75" customHeight="1">
      <c r="A79" s="40"/>
      <c r="B79" s="70" t="s">
        <v>142</v>
      </c>
      <c r="C79" s="42"/>
      <c r="D79" s="154">
        <v>976</v>
      </c>
      <c r="E79" s="154">
        <v>628</v>
      </c>
      <c r="F79" s="154">
        <v>330</v>
      </c>
      <c r="G79" s="154">
        <v>18</v>
      </c>
      <c r="H79" s="154">
        <v>1033</v>
      </c>
      <c r="I79" s="154">
        <v>567</v>
      </c>
      <c r="J79" s="154">
        <v>455</v>
      </c>
      <c r="K79" s="162">
        <v>11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1739</v>
      </c>
      <c r="E81" s="157">
        <v>779</v>
      </c>
      <c r="F81" s="157">
        <v>916</v>
      </c>
      <c r="G81" s="157">
        <v>44</v>
      </c>
      <c r="H81" s="157">
        <v>1796</v>
      </c>
      <c r="I81" s="157">
        <v>656</v>
      </c>
      <c r="J81" s="157">
        <v>1022</v>
      </c>
      <c r="K81" s="163">
        <v>118</v>
      </c>
    </row>
    <row r="82" spans="1:11" ht="9.75" customHeight="1">
      <c r="A82" s="40"/>
      <c r="B82" s="70" t="s">
        <v>144</v>
      </c>
      <c r="C82" s="42"/>
      <c r="D82" s="154">
        <v>1623</v>
      </c>
      <c r="E82" s="154">
        <v>741</v>
      </c>
      <c r="F82" s="154">
        <v>839</v>
      </c>
      <c r="G82" s="154">
        <v>43</v>
      </c>
      <c r="H82" s="154">
        <v>1693</v>
      </c>
      <c r="I82" s="154">
        <v>628</v>
      </c>
      <c r="J82" s="154">
        <v>949</v>
      </c>
      <c r="K82" s="162">
        <v>116</v>
      </c>
    </row>
    <row r="83" spans="1:11" ht="9.75" customHeight="1">
      <c r="A83" s="40"/>
      <c r="B83" s="70" t="s">
        <v>145</v>
      </c>
      <c r="C83" s="42"/>
      <c r="D83" s="154">
        <v>116</v>
      </c>
      <c r="E83" s="154">
        <v>38</v>
      </c>
      <c r="F83" s="154">
        <v>77</v>
      </c>
      <c r="G83" s="154">
        <v>1</v>
      </c>
      <c r="H83" s="154">
        <v>103</v>
      </c>
      <c r="I83" s="154">
        <v>28</v>
      </c>
      <c r="J83" s="154">
        <v>73</v>
      </c>
      <c r="K83" s="162">
        <v>2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>
      <c r="A85" s="165" t="s">
        <v>151</v>
      </c>
      <c r="B85" s="165"/>
      <c r="C85" s="165"/>
      <c r="D85" s="165"/>
      <c r="E85" s="165"/>
      <c r="F85" s="165"/>
      <c r="G85" s="165"/>
      <c r="H85" s="165"/>
      <c r="I85" s="165"/>
      <c r="J85" s="165"/>
    </row>
    <row r="86" spans="1:11" ht="0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52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54</v>
      </c>
      <c r="E3" s="198"/>
      <c r="F3" s="198"/>
      <c r="G3" s="256"/>
      <c r="H3" s="209" t="s">
        <v>155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28037</v>
      </c>
      <c r="E6" s="20">
        <v>4558967</v>
      </c>
      <c r="F6" s="20">
        <v>4569070</v>
      </c>
      <c r="G6" s="20">
        <v>3983551</v>
      </c>
      <c r="H6" s="20">
        <v>9126280</v>
      </c>
      <c r="I6" s="20">
        <v>4557957</v>
      </c>
      <c r="J6" s="20">
        <v>4568323</v>
      </c>
      <c r="K6" s="160">
        <v>3983307</v>
      </c>
    </row>
    <row r="7" spans="1:22" s="32" customFormat="1" ht="9.75" customHeight="1">
      <c r="A7" s="253" t="s">
        <v>81</v>
      </c>
      <c r="B7" s="254"/>
      <c r="C7" s="35"/>
      <c r="D7" s="151">
        <v>8834941</v>
      </c>
      <c r="E7" s="151">
        <v>4414969</v>
      </c>
      <c r="F7" s="151">
        <v>4419972</v>
      </c>
      <c r="G7" s="151">
        <v>3867485</v>
      </c>
      <c r="H7" s="151">
        <v>8833360</v>
      </c>
      <c r="I7" s="151">
        <v>4414030</v>
      </c>
      <c r="J7" s="151">
        <v>4419330</v>
      </c>
      <c r="K7" s="161">
        <v>3867249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3096</v>
      </c>
      <c r="E8" s="151">
        <v>143998</v>
      </c>
      <c r="F8" s="151">
        <v>149098</v>
      </c>
      <c r="G8" s="151">
        <v>116066</v>
      </c>
      <c r="H8" s="151">
        <v>292920</v>
      </c>
      <c r="I8" s="151">
        <v>143927</v>
      </c>
      <c r="J8" s="151">
        <v>148993</v>
      </c>
      <c r="K8" s="161">
        <v>116058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24695</v>
      </c>
      <c r="E10" s="157">
        <v>1855497</v>
      </c>
      <c r="F10" s="157">
        <v>1869198</v>
      </c>
      <c r="G10" s="157">
        <v>1646348</v>
      </c>
      <c r="H10" s="157">
        <v>3723862</v>
      </c>
      <c r="I10" s="157">
        <v>1854925</v>
      </c>
      <c r="J10" s="157">
        <v>1868937</v>
      </c>
      <c r="K10" s="163">
        <v>1645859</v>
      </c>
    </row>
    <row r="11" spans="1:22" ht="9.75" customHeight="1">
      <c r="A11" s="40"/>
      <c r="B11" s="70" t="s">
        <v>84</v>
      </c>
      <c r="C11" s="42"/>
      <c r="D11" s="154">
        <v>285256</v>
      </c>
      <c r="E11" s="154">
        <v>147545</v>
      </c>
      <c r="F11" s="154">
        <v>137711</v>
      </c>
      <c r="G11" s="154">
        <v>132732</v>
      </c>
      <c r="H11" s="154">
        <v>285190</v>
      </c>
      <c r="I11" s="154">
        <v>147497</v>
      </c>
      <c r="J11" s="154">
        <v>137693</v>
      </c>
      <c r="K11" s="162">
        <v>132663</v>
      </c>
    </row>
    <row r="12" spans="1:22" ht="9.75" customHeight="1">
      <c r="A12" s="40"/>
      <c r="B12" s="70" t="s">
        <v>85</v>
      </c>
      <c r="C12" s="42"/>
      <c r="D12" s="154">
        <v>239194</v>
      </c>
      <c r="E12" s="154">
        <v>121771</v>
      </c>
      <c r="F12" s="154">
        <v>117423</v>
      </c>
      <c r="G12" s="154">
        <v>119479</v>
      </c>
      <c r="H12" s="154">
        <v>239125</v>
      </c>
      <c r="I12" s="154">
        <v>121744</v>
      </c>
      <c r="J12" s="154">
        <v>117381</v>
      </c>
      <c r="K12" s="162">
        <v>119421</v>
      </c>
    </row>
    <row r="13" spans="1:22" ht="9.75" customHeight="1">
      <c r="A13" s="40"/>
      <c r="B13" s="70" t="s">
        <v>86</v>
      </c>
      <c r="C13" s="42"/>
      <c r="D13" s="154">
        <v>98573</v>
      </c>
      <c r="E13" s="154">
        <v>49811</v>
      </c>
      <c r="F13" s="154">
        <v>48762</v>
      </c>
      <c r="G13" s="154">
        <v>51853</v>
      </c>
      <c r="H13" s="154">
        <v>98580</v>
      </c>
      <c r="I13" s="154">
        <v>49828</v>
      </c>
      <c r="J13" s="154">
        <v>48752</v>
      </c>
      <c r="K13" s="162">
        <v>51813</v>
      </c>
    </row>
    <row r="14" spans="1:22" ht="9.75" customHeight="1">
      <c r="A14" s="40"/>
      <c r="B14" s="70" t="s">
        <v>87</v>
      </c>
      <c r="C14" s="42"/>
      <c r="D14" s="154">
        <v>148688</v>
      </c>
      <c r="E14" s="154">
        <v>78262</v>
      </c>
      <c r="F14" s="154">
        <v>70426</v>
      </c>
      <c r="G14" s="154">
        <v>79096</v>
      </c>
      <c r="H14" s="154">
        <v>148659</v>
      </c>
      <c r="I14" s="154">
        <v>78188</v>
      </c>
      <c r="J14" s="154">
        <v>70471</v>
      </c>
      <c r="K14" s="162">
        <v>79068</v>
      </c>
    </row>
    <row r="15" spans="1:22" ht="9.75" customHeight="1">
      <c r="A15" s="40"/>
      <c r="B15" s="70" t="s">
        <v>88</v>
      </c>
      <c r="C15" s="42"/>
      <c r="D15" s="154">
        <v>194594</v>
      </c>
      <c r="E15" s="154">
        <v>96914</v>
      </c>
      <c r="F15" s="154">
        <v>97680</v>
      </c>
      <c r="G15" s="154">
        <v>95479</v>
      </c>
      <c r="H15" s="154">
        <v>194385</v>
      </c>
      <c r="I15" s="154">
        <v>96749</v>
      </c>
      <c r="J15" s="154">
        <v>97636</v>
      </c>
      <c r="K15" s="162">
        <v>95321</v>
      </c>
    </row>
    <row r="16" spans="1:22" ht="9.75" customHeight="1">
      <c r="A16" s="40"/>
      <c r="B16" s="70" t="s">
        <v>89</v>
      </c>
      <c r="C16" s="42"/>
      <c r="D16" s="154">
        <v>215476</v>
      </c>
      <c r="E16" s="154">
        <v>105961</v>
      </c>
      <c r="F16" s="154">
        <v>109515</v>
      </c>
      <c r="G16" s="154">
        <v>91051</v>
      </c>
      <c r="H16" s="154">
        <v>215446</v>
      </c>
      <c r="I16" s="154">
        <v>105931</v>
      </c>
      <c r="J16" s="154">
        <v>109515</v>
      </c>
      <c r="K16" s="162">
        <v>91061</v>
      </c>
    </row>
    <row r="17" spans="1:11" ht="9.75" customHeight="1">
      <c r="A17" s="40"/>
      <c r="B17" s="70" t="s">
        <v>90</v>
      </c>
      <c r="C17" s="42"/>
      <c r="D17" s="154">
        <v>205224</v>
      </c>
      <c r="E17" s="154">
        <v>102180</v>
      </c>
      <c r="F17" s="154">
        <v>103044</v>
      </c>
      <c r="G17" s="154">
        <v>92705</v>
      </c>
      <c r="H17" s="154">
        <v>205137</v>
      </c>
      <c r="I17" s="154">
        <v>102133</v>
      </c>
      <c r="J17" s="154">
        <v>103004</v>
      </c>
      <c r="K17" s="162">
        <v>92649</v>
      </c>
    </row>
    <row r="18" spans="1:11" ht="9.75" customHeight="1">
      <c r="A18" s="40"/>
      <c r="B18" s="70" t="s">
        <v>91</v>
      </c>
      <c r="C18" s="42"/>
      <c r="D18" s="154">
        <v>247070</v>
      </c>
      <c r="E18" s="154">
        <v>120113</v>
      </c>
      <c r="F18" s="154">
        <v>126957</v>
      </c>
      <c r="G18" s="154">
        <v>102886</v>
      </c>
      <c r="H18" s="154">
        <v>247016</v>
      </c>
      <c r="I18" s="154">
        <v>120098</v>
      </c>
      <c r="J18" s="154">
        <v>126918</v>
      </c>
      <c r="K18" s="162">
        <v>102864</v>
      </c>
    </row>
    <row r="19" spans="1:11" ht="9.75" customHeight="1">
      <c r="A19" s="40"/>
      <c r="B19" s="70" t="s">
        <v>92</v>
      </c>
      <c r="C19" s="42"/>
      <c r="D19" s="154">
        <v>166306</v>
      </c>
      <c r="E19" s="154">
        <v>81873</v>
      </c>
      <c r="F19" s="154">
        <v>84433</v>
      </c>
      <c r="G19" s="154">
        <v>74694</v>
      </c>
      <c r="H19" s="154">
        <v>166248</v>
      </c>
      <c r="I19" s="154">
        <v>81835</v>
      </c>
      <c r="J19" s="154">
        <v>84413</v>
      </c>
      <c r="K19" s="162">
        <v>74686</v>
      </c>
    </row>
    <row r="20" spans="1:11" ht="9.75" customHeight="1">
      <c r="A20" s="40"/>
      <c r="B20" s="70" t="s">
        <v>93</v>
      </c>
      <c r="C20" s="42"/>
      <c r="D20" s="154">
        <v>201633</v>
      </c>
      <c r="E20" s="154">
        <v>98933</v>
      </c>
      <c r="F20" s="154">
        <v>102700</v>
      </c>
      <c r="G20" s="154">
        <v>86644</v>
      </c>
      <c r="H20" s="154">
        <v>201576</v>
      </c>
      <c r="I20" s="154">
        <v>98903</v>
      </c>
      <c r="J20" s="154">
        <v>102673</v>
      </c>
      <c r="K20" s="162">
        <v>86663</v>
      </c>
    </row>
    <row r="21" spans="1:11" ht="9.75" customHeight="1">
      <c r="A21" s="40"/>
      <c r="B21" s="70" t="s">
        <v>94</v>
      </c>
      <c r="C21" s="42"/>
      <c r="D21" s="154">
        <v>344318</v>
      </c>
      <c r="E21" s="154">
        <v>174455</v>
      </c>
      <c r="F21" s="154">
        <v>169863</v>
      </c>
      <c r="G21" s="154">
        <v>163377</v>
      </c>
      <c r="H21" s="154">
        <v>344388</v>
      </c>
      <c r="I21" s="154">
        <v>174493</v>
      </c>
      <c r="J21" s="154">
        <v>169895</v>
      </c>
      <c r="K21" s="162">
        <v>163330</v>
      </c>
    </row>
    <row r="22" spans="1:11" ht="9.75" customHeight="1">
      <c r="A22" s="40"/>
      <c r="B22" s="70" t="s">
        <v>95</v>
      </c>
      <c r="C22" s="42"/>
      <c r="D22" s="154">
        <v>180464</v>
      </c>
      <c r="E22" s="154">
        <v>89027</v>
      </c>
      <c r="F22" s="154">
        <v>91437</v>
      </c>
      <c r="G22" s="154">
        <v>74629</v>
      </c>
      <c r="H22" s="154">
        <v>180522</v>
      </c>
      <c r="I22" s="154">
        <v>89075</v>
      </c>
      <c r="J22" s="154">
        <v>91447</v>
      </c>
      <c r="K22" s="162">
        <v>74656</v>
      </c>
    </row>
    <row r="23" spans="1:11" ht="9.75" customHeight="1">
      <c r="A23" s="40"/>
      <c r="B23" s="70" t="s">
        <v>96</v>
      </c>
      <c r="C23" s="42"/>
      <c r="D23" s="154">
        <v>309904</v>
      </c>
      <c r="E23" s="154">
        <v>151267</v>
      </c>
      <c r="F23" s="154">
        <v>158637</v>
      </c>
      <c r="G23" s="154">
        <v>125469</v>
      </c>
      <c r="H23" s="154">
        <v>309864</v>
      </c>
      <c r="I23" s="154">
        <v>151235</v>
      </c>
      <c r="J23" s="154">
        <v>158629</v>
      </c>
      <c r="K23" s="162">
        <v>125469</v>
      </c>
    </row>
    <row r="24" spans="1:11" ht="9.75" customHeight="1">
      <c r="A24" s="40"/>
      <c r="B24" s="70" t="s">
        <v>97</v>
      </c>
      <c r="C24" s="42"/>
      <c r="D24" s="154">
        <v>212123</v>
      </c>
      <c r="E24" s="154">
        <v>106157</v>
      </c>
      <c r="F24" s="154">
        <v>105966</v>
      </c>
      <c r="G24" s="154">
        <v>80601</v>
      </c>
      <c r="H24" s="154">
        <v>212202</v>
      </c>
      <c r="I24" s="154">
        <v>106180</v>
      </c>
      <c r="J24" s="154">
        <v>106022</v>
      </c>
      <c r="K24" s="162">
        <v>80666</v>
      </c>
    </row>
    <row r="25" spans="1:11" ht="9.75" customHeight="1">
      <c r="A25" s="40"/>
      <c r="B25" s="70" t="s">
        <v>98</v>
      </c>
      <c r="C25" s="42"/>
      <c r="D25" s="154">
        <v>275282</v>
      </c>
      <c r="E25" s="154">
        <v>135231</v>
      </c>
      <c r="F25" s="154">
        <v>140051</v>
      </c>
      <c r="G25" s="154">
        <v>113441</v>
      </c>
      <c r="H25" s="154">
        <v>275172</v>
      </c>
      <c r="I25" s="154">
        <v>135167</v>
      </c>
      <c r="J25" s="154">
        <v>140005</v>
      </c>
      <c r="K25" s="162">
        <v>113416</v>
      </c>
    </row>
    <row r="26" spans="1:11" ht="9.75" customHeight="1">
      <c r="A26" s="40"/>
      <c r="B26" s="70" t="s">
        <v>99</v>
      </c>
      <c r="C26" s="42"/>
      <c r="D26" s="154">
        <v>122114</v>
      </c>
      <c r="E26" s="154">
        <v>59730</v>
      </c>
      <c r="F26" s="154">
        <v>62384</v>
      </c>
      <c r="G26" s="154">
        <v>50954</v>
      </c>
      <c r="H26" s="154">
        <v>121930</v>
      </c>
      <c r="I26" s="154">
        <v>59622</v>
      </c>
      <c r="J26" s="154">
        <v>62308</v>
      </c>
      <c r="K26" s="162">
        <v>50850</v>
      </c>
    </row>
    <row r="27" spans="1:11" ht="9.75" customHeight="1">
      <c r="A27" s="40"/>
      <c r="B27" s="70" t="s">
        <v>100</v>
      </c>
      <c r="C27" s="42"/>
      <c r="D27" s="154">
        <v>153949</v>
      </c>
      <c r="E27" s="154">
        <v>75407</v>
      </c>
      <c r="F27" s="154">
        <v>78542</v>
      </c>
      <c r="G27" s="154">
        <v>60793</v>
      </c>
      <c r="H27" s="154">
        <v>153940</v>
      </c>
      <c r="I27" s="154">
        <v>75412</v>
      </c>
      <c r="J27" s="154">
        <v>78528</v>
      </c>
      <c r="K27" s="162">
        <v>60791</v>
      </c>
    </row>
    <row r="28" spans="1:11" ht="9.75" customHeight="1">
      <c r="A28" s="40"/>
      <c r="B28" s="70" t="s">
        <v>101</v>
      </c>
      <c r="C28" s="42"/>
      <c r="D28" s="154">
        <v>124527</v>
      </c>
      <c r="E28" s="154">
        <v>60860</v>
      </c>
      <c r="F28" s="154">
        <v>63667</v>
      </c>
      <c r="G28" s="154">
        <v>50465</v>
      </c>
      <c r="H28" s="154">
        <v>124482</v>
      </c>
      <c r="I28" s="154">
        <v>60835</v>
      </c>
      <c r="J28" s="154">
        <v>63647</v>
      </c>
      <c r="K28" s="162">
        <v>50472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77136</v>
      </c>
      <c r="E30" s="157">
        <v>749792</v>
      </c>
      <c r="F30" s="157">
        <v>727344</v>
      </c>
      <c r="G30" s="157">
        <v>692989</v>
      </c>
      <c r="H30" s="157">
        <v>1477522</v>
      </c>
      <c r="I30" s="157">
        <v>750050</v>
      </c>
      <c r="J30" s="157">
        <v>727472</v>
      </c>
      <c r="K30" s="163">
        <v>693126</v>
      </c>
    </row>
    <row r="31" spans="1:11" ht="9.75" customHeight="1">
      <c r="A31" s="40"/>
      <c r="B31" s="70" t="s">
        <v>103</v>
      </c>
      <c r="C31" s="42"/>
      <c r="D31" s="154">
        <v>223942</v>
      </c>
      <c r="E31" s="154">
        <v>119766</v>
      </c>
      <c r="F31" s="154">
        <v>104176</v>
      </c>
      <c r="G31" s="154">
        <v>110221</v>
      </c>
      <c r="H31" s="154">
        <v>224042</v>
      </c>
      <c r="I31" s="154">
        <v>119929</v>
      </c>
      <c r="J31" s="154">
        <v>104113</v>
      </c>
      <c r="K31" s="162">
        <v>110296</v>
      </c>
    </row>
    <row r="32" spans="1:11" ht="9.75" customHeight="1">
      <c r="A32" s="40"/>
      <c r="B32" s="70" t="s">
        <v>104</v>
      </c>
      <c r="C32" s="42"/>
      <c r="D32" s="154">
        <v>161279</v>
      </c>
      <c r="E32" s="154">
        <v>81435</v>
      </c>
      <c r="F32" s="154">
        <v>79844</v>
      </c>
      <c r="G32" s="154">
        <v>75376</v>
      </c>
      <c r="H32" s="154">
        <v>161363</v>
      </c>
      <c r="I32" s="154">
        <v>81492</v>
      </c>
      <c r="J32" s="154">
        <v>79871</v>
      </c>
      <c r="K32" s="162">
        <v>75391</v>
      </c>
    </row>
    <row r="33" spans="1:11" ht="9.75" customHeight="1">
      <c r="A33" s="40"/>
      <c r="B33" s="70" t="s">
        <v>105</v>
      </c>
      <c r="C33" s="42"/>
      <c r="D33" s="154">
        <v>247921</v>
      </c>
      <c r="E33" s="154">
        <v>127128</v>
      </c>
      <c r="F33" s="154">
        <v>120793</v>
      </c>
      <c r="G33" s="154">
        <v>123669</v>
      </c>
      <c r="H33" s="154">
        <v>247994</v>
      </c>
      <c r="I33" s="154">
        <v>127137</v>
      </c>
      <c r="J33" s="154">
        <v>120857</v>
      </c>
      <c r="K33" s="162">
        <v>123636</v>
      </c>
    </row>
    <row r="34" spans="1:11" ht="9.75" customHeight="1">
      <c r="A34" s="40"/>
      <c r="B34" s="70" t="s">
        <v>106</v>
      </c>
      <c r="C34" s="42"/>
      <c r="D34" s="154">
        <v>228435</v>
      </c>
      <c r="E34" s="154">
        <v>115097</v>
      </c>
      <c r="F34" s="154">
        <v>113338</v>
      </c>
      <c r="G34" s="154">
        <v>108093</v>
      </c>
      <c r="H34" s="154">
        <v>228426</v>
      </c>
      <c r="I34" s="154">
        <v>115062</v>
      </c>
      <c r="J34" s="154">
        <v>113364</v>
      </c>
      <c r="K34" s="162">
        <v>108087</v>
      </c>
    </row>
    <row r="35" spans="1:11" ht="9.75" customHeight="1">
      <c r="A35" s="40"/>
      <c r="B35" s="70" t="s">
        <v>107</v>
      </c>
      <c r="C35" s="42"/>
      <c r="D35" s="154">
        <v>225822</v>
      </c>
      <c r="E35" s="154">
        <v>110902</v>
      </c>
      <c r="F35" s="154">
        <v>114920</v>
      </c>
      <c r="G35" s="154">
        <v>94958</v>
      </c>
      <c r="H35" s="154">
        <v>225841</v>
      </c>
      <c r="I35" s="154">
        <v>110928</v>
      </c>
      <c r="J35" s="154">
        <v>114913</v>
      </c>
      <c r="K35" s="162">
        <v>94951</v>
      </c>
    </row>
    <row r="36" spans="1:11" ht="9.75" customHeight="1">
      <c r="A36" s="40"/>
      <c r="B36" s="70" t="s">
        <v>108</v>
      </c>
      <c r="C36" s="42"/>
      <c r="D36" s="154">
        <v>214265</v>
      </c>
      <c r="E36" s="154">
        <v>110029</v>
      </c>
      <c r="F36" s="154">
        <v>104236</v>
      </c>
      <c r="G36" s="154">
        <v>106528</v>
      </c>
      <c r="H36" s="154">
        <v>214359</v>
      </c>
      <c r="I36" s="154">
        <v>110055</v>
      </c>
      <c r="J36" s="154">
        <v>104304</v>
      </c>
      <c r="K36" s="162">
        <v>106589</v>
      </c>
    </row>
    <row r="37" spans="1:11" ht="9.75" customHeight="1">
      <c r="A37" s="40"/>
      <c r="B37" s="70" t="s">
        <v>109</v>
      </c>
      <c r="C37" s="42"/>
      <c r="D37" s="154">
        <v>175472</v>
      </c>
      <c r="E37" s="154">
        <v>85435</v>
      </c>
      <c r="F37" s="154">
        <v>90037</v>
      </c>
      <c r="G37" s="154">
        <v>74144</v>
      </c>
      <c r="H37" s="154">
        <v>175497</v>
      </c>
      <c r="I37" s="154">
        <v>85447</v>
      </c>
      <c r="J37" s="154">
        <v>90050</v>
      </c>
      <c r="K37" s="162">
        <v>74176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1139</v>
      </c>
      <c r="E39" s="157">
        <v>361219</v>
      </c>
      <c r="F39" s="157">
        <v>359920</v>
      </c>
      <c r="G39" s="157">
        <v>311842</v>
      </c>
      <c r="H39" s="157">
        <v>720886</v>
      </c>
      <c r="I39" s="157">
        <v>361106</v>
      </c>
      <c r="J39" s="157">
        <v>359780</v>
      </c>
      <c r="K39" s="163">
        <v>311809</v>
      </c>
    </row>
    <row r="40" spans="1:11" ht="9.75" customHeight="1">
      <c r="A40" s="40"/>
      <c r="B40" s="70" t="s">
        <v>95</v>
      </c>
      <c r="C40" s="42"/>
      <c r="D40" s="154">
        <v>173616</v>
      </c>
      <c r="E40" s="154">
        <v>87457</v>
      </c>
      <c r="F40" s="154">
        <v>86159</v>
      </c>
      <c r="G40" s="154">
        <v>71335</v>
      </c>
      <c r="H40" s="154">
        <v>173508</v>
      </c>
      <c r="I40" s="154">
        <v>87395</v>
      </c>
      <c r="J40" s="154">
        <v>86113</v>
      </c>
      <c r="K40" s="162">
        <v>71307</v>
      </c>
    </row>
    <row r="41" spans="1:11" ht="9.75" customHeight="1">
      <c r="A41" s="40"/>
      <c r="B41" s="70" t="s">
        <v>111</v>
      </c>
      <c r="C41" s="42"/>
      <c r="D41" s="154">
        <v>270192</v>
      </c>
      <c r="E41" s="154">
        <v>135903</v>
      </c>
      <c r="F41" s="154">
        <v>134289</v>
      </c>
      <c r="G41" s="154">
        <v>116526</v>
      </c>
      <c r="H41" s="154">
        <v>270121</v>
      </c>
      <c r="I41" s="154">
        <v>135881</v>
      </c>
      <c r="J41" s="154">
        <v>134240</v>
      </c>
      <c r="K41" s="162">
        <v>116507</v>
      </c>
    </row>
    <row r="42" spans="1:11" ht="9.75" customHeight="1">
      <c r="A42" s="40"/>
      <c r="B42" s="70" t="s">
        <v>88</v>
      </c>
      <c r="C42" s="42"/>
      <c r="D42" s="154">
        <v>277331</v>
      </c>
      <c r="E42" s="154">
        <v>137859</v>
      </c>
      <c r="F42" s="154">
        <v>139472</v>
      </c>
      <c r="G42" s="154">
        <v>123981</v>
      </c>
      <c r="H42" s="154">
        <v>277257</v>
      </c>
      <c r="I42" s="154">
        <v>137830</v>
      </c>
      <c r="J42" s="154">
        <v>139427</v>
      </c>
      <c r="K42" s="162">
        <v>123995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5894</v>
      </c>
      <c r="E44" s="154">
        <v>202421</v>
      </c>
      <c r="F44" s="154">
        <v>203473</v>
      </c>
      <c r="G44" s="154">
        <v>165757</v>
      </c>
      <c r="H44" s="154">
        <v>405539</v>
      </c>
      <c r="I44" s="154">
        <v>202227</v>
      </c>
      <c r="J44" s="154">
        <v>203312</v>
      </c>
      <c r="K44" s="162">
        <v>165674</v>
      </c>
    </row>
    <row r="45" spans="1:11" ht="9.75" customHeight="1">
      <c r="A45" s="249" t="s">
        <v>113</v>
      </c>
      <c r="B45" s="250"/>
      <c r="C45" s="42"/>
      <c r="D45" s="154">
        <v>258273</v>
      </c>
      <c r="E45" s="154">
        <v>129465</v>
      </c>
      <c r="F45" s="154">
        <v>128808</v>
      </c>
      <c r="G45" s="154">
        <v>107596</v>
      </c>
      <c r="H45" s="154">
        <v>258142</v>
      </c>
      <c r="I45" s="154">
        <v>129399</v>
      </c>
      <c r="J45" s="154">
        <v>128743</v>
      </c>
      <c r="K45" s="162">
        <v>107599</v>
      </c>
    </row>
    <row r="46" spans="1:11" ht="9.75" customHeight="1">
      <c r="A46" s="249" t="s">
        <v>114</v>
      </c>
      <c r="B46" s="250"/>
      <c r="C46" s="42"/>
      <c r="D46" s="154">
        <v>172786</v>
      </c>
      <c r="E46" s="154">
        <v>81541</v>
      </c>
      <c r="F46" s="154">
        <v>91245</v>
      </c>
      <c r="G46" s="154">
        <v>72949</v>
      </c>
      <c r="H46" s="154">
        <v>172665</v>
      </c>
      <c r="I46" s="154">
        <v>81486</v>
      </c>
      <c r="J46" s="154">
        <v>91179</v>
      </c>
      <c r="K46" s="162">
        <v>72929</v>
      </c>
    </row>
    <row r="47" spans="1:11" ht="9.75" customHeight="1">
      <c r="A47" s="249" t="s">
        <v>115</v>
      </c>
      <c r="B47" s="250"/>
      <c r="C47" s="42"/>
      <c r="D47" s="154">
        <v>424533</v>
      </c>
      <c r="E47" s="154">
        <v>210330</v>
      </c>
      <c r="F47" s="154">
        <v>214203</v>
      </c>
      <c r="G47" s="154">
        <v>180671</v>
      </c>
      <c r="H47" s="154">
        <v>424746</v>
      </c>
      <c r="I47" s="154">
        <v>210448</v>
      </c>
      <c r="J47" s="154">
        <v>214298</v>
      </c>
      <c r="K47" s="162">
        <v>180818</v>
      </c>
    </row>
    <row r="48" spans="1:11" ht="9.75" customHeight="1">
      <c r="A48" s="249" t="s">
        <v>116</v>
      </c>
      <c r="B48" s="250"/>
      <c r="C48" s="42"/>
      <c r="D48" s="154">
        <v>193944</v>
      </c>
      <c r="E48" s="154">
        <v>94603</v>
      </c>
      <c r="F48" s="154">
        <v>99341</v>
      </c>
      <c r="G48" s="154">
        <v>79214</v>
      </c>
      <c r="H48" s="154">
        <v>193843</v>
      </c>
      <c r="I48" s="154">
        <v>94580</v>
      </c>
      <c r="J48" s="154">
        <v>99263</v>
      </c>
      <c r="K48" s="162">
        <v>79229</v>
      </c>
    </row>
    <row r="49" spans="1:11" ht="9.75" customHeight="1">
      <c r="A49" s="249" t="s">
        <v>117</v>
      </c>
      <c r="B49" s="250"/>
      <c r="C49" s="42"/>
      <c r="D49" s="154">
        <v>239477</v>
      </c>
      <c r="E49" s="154">
        <v>116882</v>
      </c>
      <c r="F49" s="154">
        <v>122595</v>
      </c>
      <c r="G49" s="154">
        <v>98078</v>
      </c>
      <c r="H49" s="154">
        <v>239400</v>
      </c>
      <c r="I49" s="154">
        <v>116816</v>
      </c>
      <c r="J49" s="154">
        <v>122584</v>
      </c>
      <c r="K49" s="162">
        <v>98104</v>
      </c>
    </row>
    <row r="50" spans="1:11" ht="9.75" customHeight="1">
      <c r="A50" s="249" t="s">
        <v>118</v>
      </c>
      <c r="B50" s="250"/>
      <c r="C50" s="42"/>
      <c r="D50" s="154">
        <v>57435</v>
      </c>
      <c r="E50" s="154">
        <v>26926</v>
      </c>
      <c r="F50" s="154">
        <v>30509</v>
      </c>
      <c r="G50" s="154">
        <v>24149</v>
      </c>
      <c r="H50" s="154">
        <v>57376</v>
      </c>
      <c r="I50" s="154">
        <v>26891</v>
      </c>
      <c r="J50" s="154">
        <v>30485</v>
      </c>
      <c r="K50" s="162">
        <v>24130</v>
      </c>
    </row>
    <row r="51" spans="1:11" ht="9.75" customHeight="1">
      <c r="A51" s="249" t="s">
        <v>119</v>
      </c>
      <c r="B51" s="250"/>
      <c r="C51" s="42"/>
      <c r="D51" s="154">
        <v>45183</v>
      </c>
      <c r="E51" s="154">
        <v>21769</v>
      </c>
      <c r="F51" s="154">
        <v>23414</v>
      </c>
      <c r="G51" s="154">
        <v>17596</v>
      </c>
      <c r="H51" s="154">
        <v>45126</v>
      </c>
      <c r="I51" s="154">
        <v>21733</v>
      </c>
      <c r="J51" s="154">
        <v>23393</v>
      </c>
      <c r="K51" s="162">
        <v>17596</v>
      </c>
    </row>
    <row r="52" spans="1:11" ht="9.75" customHeight="1">
      <c r="A52" s="249" t="s">
        <v>120</v>
      </c>
      <c r="B52" s="250"/>
      <c r="C52" s="42"/>
      <c r="D52" s="154">
        <v>167350</v>
      </c>
      <c r="E52" s="154">
        <v>85547</v>
      </c>
      <c r="F52" s="154">
        <v>81803</v>
      </c>
      <c r="G52" s="154">
        <v>69908</v>
      </c>
      <c r="H52" s="154">
        <v>167244</v>
      </c>
      <c r="I52" s="154">
        <v>85488</v>
      </c>
      <c r="J52" s="154">
        <v>81756</v>
      </c>
      <c r="K52" s="162">
        <v>69894</v>
      </c>
    </row>
    <row r="53" spans="1:11" ht="9.75" customHeight="1">
      <c r="A53" s="249" t="s">
        <v>121</v>
      </c>
      <c r="B53" s="250"/>
      <c r="C53" s="42"/>
      <c r="D53" s="154">
        <v>225661</v>
      </c>
      <c r="E53" s="154">
        <v>116587</v>
      </c>
      <c r="F53" s="154">
        <v>109074</v>
      </c>
      <c r="G53" s="154">
        <v>95890</v>
      </c>
      <c r="H53" s="154">
        <v>225618</v>
      </c>
      <c r="I53" s="154">
        <v>116586</v>
      </c>
      <c r="J53" s="154">
        <v>109032</v>
      </c>
      <c r="K53" s="162">
        <v>95893</v>
      </c>
    </row>
    <row r="54" spans="1:11" ht="9.75" customHeight="1">
      <c r="A54" s="249" t="s">
        <v>122</v>
      </c>
      <c r="B54" s="250"/>
      <c r="C54" s="42"/>
      <c r="D54" s="154">
        <v>233331</v>
      </c>
      <c r="E54" s="154">
        <v>116853</v>
      </c>
      <c r="F54" s="154">
        <v>116478</v>
      </c>
      <c r="G54" s="154">
        <v>102337</v>
      </c>
      <c r="H54" s="154">
        <v>233362</v>
      </c>
      <c r="I54" s="154">
        <v>116830</v>
      </c>
      <c r="J54" s="154">
        <v>116532</v>
      </c>
      <c r="K54" s="162">
        <v>102401</v>
      </c>
    </row>
    <row r="55" spans="1:11" ht="9.75" customHeight="1">
      <c r="A55" s="249" t="s">
        <v>123</v>
      </c>
      <c r="B55" s="250"/>
      <c r="C55" s="42"/>
      <c r="D55" s="154">
        <v>101519</v>
      </c>
      <c r="E55" s="154">
        <v>51405</v>
      </c>
      <c r="F55" s="154">
        <v>50114</v>
      </c>
      <c r="G55" s="154">
        <v>43117</v>
      </c>
      <c r="H55" s="154">
        <v>101512</v>
      </c>
      <c r="I55" s="154">
        <v>51399</v>
      </c>
      <c r="J55" s="154">
        <v>50113</v>
      </c>
      <c r="K55" s="162">
        <v>43138</v>
      </c>
    </row>
    <row r="56" spans="1:11" ht="9.75" customHeight="1">
      <c r="A56" s="249" t="s">
        <v>124</v>
      </c>
      <c r="B56" s="250"/>
      <c r="C56" s="42"/>
      <c r="D56" s="154">
        <v>130249</v>
      </c>
      <c r="E56" s="154">
        <v>65579</v>
      </c>
      <c r="F56" s="154">
        <v>64670</v>
      </c>
      <c r="G56" s="154">
        <v>53502</v>
      </c>
      <c r="H56" s="154">
        <v>130211</v>
      </c>
      <c r="I56" s="154">
        <v>65560</v>
      </c>
      <c r="J56" s="154">
        <v>64651</v>
      </c>
      <c r="K56" s="162">
        <v>53507</v>
      </c>
    </row>
    <row r="57" spans="1:11" ht="9.75" customHeight="1">
      <c r="A57" s="249" t="s">
        <v>125</v>
      </c>
      <c r="B57" s="250"/>
      <c r="C57" s="42"/>
      <c r="D57" s="154">
        <v>128644</v>
      </c>
      <c r="E57" s="154">
        <v>64388</v>
      </c>
      <c r="F57" s="154">
        <v>64256</v>
      </c>
      <c r="G57" s="154">
        <v>55935</v>
      </c>
      <c r="H57" s="154">
        <v>128654</v>
      </c>
      <c r="I57" s="154">
        <v>64389</v>
      </c>
      <c r="J57" s="154">
        <v>64265</v>
      </c>
      <c r="K57" s="162">
        <v>55951</v>
      </c>
    </row>
    <row r="58" spans="1:11" ht="9.75" customHeight="1">
      <c r="A58" s="249" t="s">
        <v>126</v>
      </c>
      <c r="B58" s="250"/>
      <c r="C58" s="42"/>
      <c r="D58" s="154">
        <v>43252</v>
      </c>
      <c r="E58" s="154">
        <v>21303</v>
      </c>
      <c r="F58" s="154">
        <v>21949</v>
      </c>
      <c r="G58" s="154">
        <v>16233</v>
      </c>
      <c r="H58" s="154">
        <v>43227</v>
      </c>
      <c r="I58" s="154">
        <v>21272</v>
      </c>
      <c r="J58" s="154">
        <v>21955</v>
      </c>
      <c r="K58" s="162">
        <v>16224</v>
      </c>
    </row>
    <row r="59" spans="1:11" ht="9.75" customHeight="1">
      <c r="A59" s="249" t="s">
        <v>127</v>
      </c>
      <c r="B59" s="250"/>
      <c r="C59" s="42"/>
      <c r="D59" s="154">
        <v>84440</v>
      </c>
      <c r="E59" s="154">
        <v>42862</v>
      </c>
      <c r="F59" s="154">
        <v>41578</v>
      </c>
      <c r="G59" s="154">
        <v>33374</v>
      </c>
      <c r="H59" s="154">
        <v>84425</v>
      </c>
      <c r="I59" s="154">
        <v>42845</v>
      </c>
      <c r="J59" s="154">
        <v>41580</v>
      </c>
      <c r="K59" s="162">
        <v>33368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4">
        <v>32121</v>
      </c>
      <c r="E61" s="154">
        <v>15136</v>
      </c>
      <c r="F61" s="154">
        <v>16985</v>
      </c>
      <c r="G61" s="154">
        <v>12593</v>
      </c>
      <c r="H61" s="154">
        <v>32067</v>
      </c>
      <c r="I61" s="154">
        <v>15110</v>
      </c>
      <c r="J61" s="154">
        <v>16957</v>
      </c>
      <c r="K61" s="162">
        <v>12566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4">
        <v>48018</v>
      </c>
      <c r="E63" s="154">
        <v>24345</v>
      </c>
      <c r="F63" s="154">
        <v>23673</v>
      </c>
      <c r="G63" s="154">
        <v>18790</v>
      </c>
      <c r="H63" s="154">
        <v>48002</v>
      </c>
      <c r="I63" s="154">
        <v>24326</v>
      </c>
      <c r="J63" s="154">
        <v>23676</v>
      </c>
      <c r="K63" s="162">
        <v>18791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855</v>
      </c>
      <c r="E65" s="157">
        <v>29026</v>
      </c>
      <c r="F65" s="157">
        <v>30829</v>
      </c>
      <c r="G65" s="157">
        <v>23497</v>
      </c>
      <c r="H65" s="157">
        <v>59846</v>
      </c>
      <c r="I65" s="157">
        <v>29019</v>
      </c>
      <c r="J65" s="157">
        <v>30827</v>
      </c>
      <c r="K65" s="163">
        <v>23512</v>
      </c>
    </row>
    <row r="66" spans="1:11" ht="9.75" customHeight="1">
      <c r="A66" s="40"/>
      <c r="B66" s="70" t="s">
        <v>131</v>
      </c>
      <c r="C66" s="42"/>
      <c r="D66" s="154">
        <v>31487</v>
      </c>
      <c r="E66" s="154">
        <v>15366</v>
      </c>
      <c r="F66" s="154">
        <v>16121</v>
      </c>
      <c r="G66" s="154">
        <v>12276</v>
      </c>
      <c r="H66" s="154">
        <v>31474</v>
      </c>
      <c r="I66" s="154">
        <v>15355</v>
      </c>
      <c r="J66" s="154">
        <v>16119</v>
      </c>
      <c r="K66" s="162">
        <v>12286</v>
      </c>
    </row>
    <row r="67" spans="1:11" ht="9.75" customHeight="1">
      <c r="A67" s="40"/>
      <c r="B67" s="70" t="s">
        <v>132</v>
      </c>
      <c r="C67" s="42"/>
      <c r="D67" s="154">
        <v>28368</v>
      </c>
      <c r="E67" s="154">
        <v>13660</v>
      </c>
      <c r="F67" s="154">
        <v>14708</v>
      </c>
      <c r="G67" s="154">
        <v>11221</v>
      </c>
      <c r="H67" s="154">
        <v>28372</v>
      </c>
      <c r="I67" s="154">
        <v>13664</v>
      </c>
      <c r="J67" s="154">
        <v>14708</v>
      </c>
      <c r="K67" s="162">
        <v>11226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559</v>
      </c>
      <c r="E69" s="157">
        <v>32347</v>
      </c>
      <c r="F69" s="157">
        <v>33212</v>
      </c>
      <c r="G69" s="157">
        <v>24040</v>
      </c>
      <c r="H69" s="157">
        <v>65547</v>
      </c>
      <c r="I69" s="157">
        <v>32346</v>
      </c>
      <c r="J69" s="157">
        <v>33201</v>
      </c>
      <c r="K69" s="163">
        <v>24065</v>
      </c>
    </row>
    <row r="70" spans="1:11" ht="9.75" customHeight="1">
      <c r="A70" s="40"/>
      <c r="B70" s="70" t="s">
        <v>134</v>
      </c>
      <c r="C70" s="42"/>
      <c r="D70" s="154">
        <v>9635</v>
      </c>
      <c r="E70" s="154">
        <v>4824</v>
      </c>
      <c r="F70" s="154">
        <v>4811</v>
      </c>
      <c r="G70" s="154">
        <v>3355</v>
      </c>
      <c r="H70" s="154">
        <v>9626</v>
      </c>
      <c r="I70" s="154">
        <v>4822</v>
      </c>
      <c r="J70" s="154">
        <v>4804</v>
      </c>
      <c r="K70" s="162">
        <v>3358</v>
      </c>
    </row>
    <row r="71" spans="1:11" ht="9.75" customHeight="1">
      <c r="A71" s="40"/>
      <c r="B71" s="70" t="s">
        <v>135</v>
      </c>
      <c r="C71" s="42"/>
      <c r="D71" s="154">
        <v>17035</v>
      </c>
      <c r="E71" s="154">
        <v>8494</v>
      </c>
      <c r="F71" s="154">
        <v>8541</v>
      </c>
      <c r="G71" s="154">
        <v>6191</v>
      </c>
      <c r="H71" s="154">
        <v>17036</v>
      </c>
      <c r="I71" s="154">
        <v>8501</v>
      </c>
      <c r="J71" s="154">
        <v>8535</v>
      </c>
      <c r="K71" s="162">
        <v>6200</v>
      </c>
    </row>
    <row r="72" spans="1:11" ht="9.75" customHeight="1">
      <c r="A72" s="40"/>
      <c r="B72" s="70" t="s">
        <v>136</v>
      </c>
      <c r="C72" s="42"/>
      <c r="D72" s="154">
        <v>11155</v>
      </c>
      <c r="E72" s="154">
        <v>5499</v>
      </c>
      <c r="F72" s="154">
        <v>5656</v>
      </c>
      <c r="G72" s="154">
        <v>4395</v>
      </c>
      <c r="H72" s="154">
        <v>11143</v>
      </c>
      <c r="I72" s="154">
        <v>5490</v>
      </c>
      <c r="J72" s="154">
        <v>5653</v>
      </c>
      <c r="K72" s="162">
        <v>4395</v>
      </c>
    </row>
    <row r="73" spans="1:11" ht="9.75" customHeight="1">
      <c r="A73" s="40"/>
      <c r="B73" s="70" t="s">
        <v>137</v>
      </c>
      <c r="C73" s="42"/>
      <c r="D73" s="154">
        <v>10657</v>
      </c>
      <c r="E73" s="154">
        <v>5196</v>
      </c>
      <c r="F73" s="154">
        <v>5461</v>
      </c>
      <c r="G73" s="154">
        <v>3896</v>
      </c>
      <c r="H73" s="154">
        <v>10644</v>
      </c>
      <c r="I73" s="154">
        <v>5194</v>
      </c>
      <c r="J73" s="154">
        <v>5450</v>
      </c>
      <c r="K73" s="162">
        <v>3896</v>
      </c>
    </row>
    <row r="74" spans="1:11" ht="9.75" customHeight="1">
      <c r="A74" s="40"/>
      <c r="B74" s="70" t="s">
        <v>138</v>
      </c>
      <c r="C74" s="42"/>
      <c r="D74" s="154">
        <v>17077</v>
      </c>
      <c r="E74" s="154">
        <v>8334</v>
      </c>
      <c r="F74" s="154">
        <v>8743</v>
      </c>
      <c r="G74" s="154">
        <v>6203</v>
      </c>
      <c r="H74" s="154">
        <v>17098</v>
      </c>
      <c r="I74" s="154">
        <v>8339</v>
      </c>
      <c r="J74" s="154">
        <v>8759</v>
      </c>
      <c r="K74" s="162">
        <v>6216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987</v>
      </c>
      <c r="E76" s="157">
        <v>20545</v>
      </c>
      <c r="F76" s="157">
        <v>23442</v>
      </c>
      <c r="G76" s="157">
        <v>19901</v>
      </c>
      <c r="H76" s="157">
        <v>43929</v>
      </c>
      <c r="I76" s="157">
        <v>20543</v>
      </c>
      <c r="J76" s="157">
        <v>23386</v>
      </c>
      <c r="K76" s="163">
        <v>19884</v>
      </c>
    </row>
    <row r="77" spans="1:11" ht="9.75" customHeight="1">
      <c r="A77" s="40"/>
      <c r="B77" s="70" t="s">
        <v>140</v>
      </c>
      <c r="C77" s="42"/>
      <c r="D77" s="154">
        <v>11732</v>
      </c>
      <c r="E77" s="154">
        <v>5598</v>
      </c>
      <c r="F77" s="154">
        <v>6134</v>
      </c>
      <c r="G77" s="154">
        <v>6068</v>
      </c>
      <c r="H77" s="154">
        <v>11703</v>
      </c>
      <c r="I77" s="154">
        <v>5586</v>
      </c>
      <c r="J77" s="154">
        <v>6117</v>
      </c>
      <c r="K77" s="162">
        <v>6055</v>
      </c>
    </row>
    <row r="78" spans="1:11" ht="9.75" customHeight="1">
      <c r="A78" s="40"/>
      <c r="B78" s="70" t="s">
        <v>141</v>
      </c>
      <c r="C78" s="42"/>
      <c r="D78" s="154">
        <v>7305</v>
      </c>
      <c r="E78" s="154">
        <v>3407</v>
      </c>
      <c r="F78" s="154">
        <v>3898</v>
      </c>
      <c r="G78" s="154">
        <v>3071</v>
      </c>
      <c r="H78" s="154">
        <v>7308</v>
      </c>
      <c r="I78" s="154">
        <v>3415</v>
      </c>
      <c r="J78" s="154">
        <v>3893</v>
      </c>
      <c r="K78" s="162">
        <v>3076</v>
      </c>
    </row>
    <row r="79" spans="1:11" ht="9.75" customHeight="1">
      <c r="A79" s="40"/>
      <c r="B79" s="70" t="s">
        <v>142</v>
      </c>
      <c r="C79" s="42"/>
      <c r="D79" s="154">
        <v>24950</v>
      </c>
      <c r="E79" s="154">
        <v>11540</v>
      </c>
      <c r="F79" s="154">
        <v>13410</v>
      </c>
      <c r="G79" s="154">
        <v>10762</v>
      </c>
      <c r="H79" s="154">
        <v>24918</v>
      </c>
      <c r="I79" s="154">
        <v>11542</v>
      </c>
      <c r="J79" s="154">
        <v>13376</v>
      </c>
      <c r="K79" s="162">
        <v>10753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556</v>
      </c>
      <c r="E81" s="157">
        <v>22599</v>
      </c>
      <c r="F81" s="157">
        <v>20957</v>
      </c>
      <c r="G81" s="157">
        <v>17245</v>
      </c>
      <c r="H81" s="157">
        <v>43529</v>
      </c>
      <c r="I81" s="157">
        <v>22583</v>
      </c>
      <c r="J81" s="157">
        <v>20946</v>
      </c>
      <c r="K81" s="163">
        <v>17240</v>
      </c>
    </row>
    <row r="82" spans="1:11" ht="9.75" customHeight="1">
      <c r="A82" s="40"/>
      <c r="B82" s="70" t="s">
        <v>144</v>
      </c>
      <c r="C82" s="42"/>
      <c r="D82" s="154">
        <v>40362</v>
      </c>
      <c r="E82" s="154">
        <v>20965</v>
      </c>
      <c r="F82" s="154">
        <v>19397</v>
      </c>
      <c r="G82" s="154">
        <v>16124</v>
      </c>
      <c r="H82" s="154">
        <v>40350</v>
      </c>
      <c r="I82" s="154">
        <v>20958</v>
      </c>
      <c r="J82" s="154">
        <v>19392</v>
      </c>
      <c r="K82" s="162">
        <v>16125</v>
      </c>
    </row>
    <row r="83" spans="1:11" ht="9.75" customHeight="1">
      <c r="A83" s="40"/>
      <c r="B83" s="70" t="s">
        <v>145</v>
      </c>
      <c r="C83" s="42"/>
      <c r="D83" s="154">
        <v>3194</v>
      </c>
      <c r="E83" s="154">
        <v>1634</v>
      </c>
      <c r="F83" s="154">
        <v>1560</v>
      </c>
      <c r="G83" s="154">
        <v>1121</v>
      </c>
      <c r="H83" s="154">
        <v>3179</v>
      </c>
      <c r="I83" s="154">
        <v>1625</v>
      </c>
      <c r="J83" s="154">
        <v>1554</v>
      </c>
      <c r="K83" s="162">
        <v>1115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00" zoomScaleSheetLayoutView="100" workbookViewId="0">
      <selection activeCell="L1" sqref="L1"/>
    </sheetView>
  </sheetViews>
  <sheetFormatPr defaultRowHeight="14.25"/>
  <cols>
    <col min="1" max="1" width="1.75" style="3" customWidth="1"/>
    <col min="2" max="2" width="8.75" style="3" customWidth="1"/>
    <col min="3" max="3" width="1.25" style="3" customWidth="1"/>
    <col min="4" max="11" width="8.5" style="3" customWidth="1"/>
    <col min="12" max="18" width="6.875" style="3" customWidth="1"/>
  </cols>
  <sheetData>
    <row r="1" spans="1:22" ht="18.75" customHeight="1">
      <c r="A1" s="195" t="s">
        <v>160</v>
      </c>
      <c r="B1" s="195"/>
      <c r="C1" s="195"/>
      <c r="D1" s="195"/>
      <c r="E1" s="195"/>
      <c r="F1" s="195"/>
      <c r="G1" s="195"/>
      <c r="H1" s="195"/>
      <c r="I1" s="195"/>
      <c r="J1" s="195"/>
      <c r="K1" s="195"/>
    </row>
    <row r="2" spans="1:22" ht="15" customHeight="1" thickBot="1">
      <c r="A2" s="196" t="s">
        <v>153</v>
      </c>
      <c r="B2" s="196"/>
      <c r="C2" s="196"/>
      <c r="I2" s="242"/>
      <c r="J2" s="242"/>
      <c r="K2" s="242"/>
    </row>
    <row r="3" spans="1:22" ht="15" customHeight="1">
      <c r="A3" s="197" t="s">
        <v>76</v>
      </c>
      <c r="B3" s="198"/>
      <c r="C3" s="198"/>
      <c r="D3" s="209" t="s">
        <v>161</v>
      </c>
      <c r="E3" s="198"/>
      <c r="F3" s="198"/>
      <c r="G3" s="256"/>
      <c r="H3" s="209" t="s">
        <v>162</v>
      </c>
      <c r="I3" s="198"/>
      <c r="J3" s="198"/>
      <c r="K3" s="257"/>
    </row>
    <row r="4" spans="1:22" ht="15" customHeight="1">
      <c r="A4" s="201"/>
      <c r="B4" s="202"/>
      <c r="C4" s="202"/>
      <c r="D4" s="9" t="s">
        <v>156</v>
      </c>
      <c r="E4" s="9" t="s">
        <v>157</v>
      </c>
      <c r="F4" s="9" t="s">
        <v>158</v>
      </c>
      <c r="G4" s="9" t="s">
        <v>5</v>
      </c>
      <c r="H4" s="9" t="s">
        <v>159</v>
      </c>
      <c r="I4" s="9" t="s">
        <v>157</v>
      </c>
      <c r="J4" s="9" t="s">
        <v>158</v>
      </c>
      <c r="K4" s="82" t="s">
        <v>5</v>
      </c>
    </row>
    <row r="5" spans="1:22" ht="10.5" customHeight="1">
      <c r="A5" s="11"/>
      <c r="B5" s="42"/>
      <c r="C5" s="42"/>
      <c r="D5" s="14" t="s">
        <v>10</v>
      </c>
      <c r="E5" s="14" t="s">
        <v>10</v>
      </c>
      <c r="F5" s="14" t="s">
        <v>10</v>
      </c>
      <c r="G5" s="14" t="s">
        <v>12</v>
      </c>
      <c r="H5" s="14" t="s">
        <v>10</v>
      </c>
      <c r="I5" s="14" t="s">
        <v>10</v>
      </c>
      <c r="J5" s="14" t="s">
        <v>10</v>
      </c>
      <c r="K5" s="16" t="s">
        <v>12</v>
      </c>
    </row>
    <row r="6" spans="1:22" ht="9.75" customHeight="1">
      <c r="A6" s="251" t="s">
        <v>80</v>
      </c>
      <c r="B6" s="252"/>
      <c r="C6" s="19"/>
      <c r="D6" s="20">
        <v>9123971</v>
      </c>
      <c r="E6" s="20">
        <v>4556353</v>
      </c>
      <c r="F6" s="20">
        <v>4567618</v>
      </c>
      <c r="G6" s="20">
        <v>3983570</v>
      </c>
      <c r="H6" s="20">
        <v>9128208</v>
      </c>
      <c r="I6" s="20">
        <v>4557456</v>
      </c>
      <c r="J6" s="20">
        <v>4570752</v>
      </c>
      <c r="K6" s="160">
        <v>4000830</v>
      </c>
    </row>
    <row r="7" spans="1:22" s="32" customFormat="1" ht="9.75" customHeight="1">
      <c r="A7" s="253" t="s">
        <v>81</v>
      </c>
      <c r="B7" s="254"/>
      <c r="C7" s="35"/>
      <c r="D7" s="151">
        <v>8831273</v>
      </c>
      <c r="E7" s="151">
        <v>4412487</v>
      </c>
      <c r="F7" s="151">
        <v>4418786</v>
      </c>
      <c r="G7" s="151">
        <v>3867459</v>
      </c>
      <c r="H7" s="151">
        <v>8835891</v>
      </c>
      <c r="I7" s="151">
        <v>4413805</v>
      </c>
      <c r="J7" s="151">
        <v>4422086</v>
      </c>
      <c r="K7" s="161">
        <v>3884543</v>
      </c>
      <c r="S7" s="33"/>
      <c r="T7" s="33"/>
      <c r="U7" s="33"/>
      <c r="V7" s="33"/>
    </row>
    <row r="8" spans="1:22" s="32" customFormat="1" ht="9.75" customHeight="1">
      <c r="A8" s="253" t="s">
        <v>82</v>
      </c>
      <c r="B8" s="254"/>
      <c r="C8" s="35"/>
      <c r="D8" s="151">
        <v>292698</v>
      </c>
      <c r="E8" s="151">
        <v>143866</v>
      </c>
      <c r="F8" s="151">
        <v>148832</v>
      </c>
      <c r="G8" s="151">
        <v>116111</v>
      </c>
      <c r="H8" s="151">
        <v>292317</v>
      </c>
      <c r="I8" s="151">
        <v>143651</v>
      </c>
      <c r="J8" s="151">
        <v>148666</v>
      </c>
      <c r="K8" s="161">
        <v>116287</v>
      </c>
      <c r="S8" s="33"/>
      <c r="T8" s="33"/>
      <c r="U8" s="33"/>
      <c r="V8" s="33"/>
    </row>
    <row r="9" spans="1:22" ht="3.75" customHeight="1">
      <c r="A9" s="40"/>
      <c r="B9" s="70"/>
      <c r="C9" s="42"/>
      <c r="D9" s="154"/>
      <c r="E9" s="154"/>
      <c r="F9" s="154"/>
      <c r="G9" s="154"/>
      <c r="H9" s="154"/>
      <c r="I9" s="154"/>
      <c r="J9" s="154"/>
      <c r="K9" s="162"/>
    </row>
    <row r="10" spans="1:22" ht="9.75" customHeight="1">
      <c r="A10" s="247" t="s">
        <v>83</v>
      </c>
      <c r="B10" s="248"/>
      <c r="C10" s="49"/>
      <c r="D10" s="157">
        <v>3722551</v>
      </c>
      <c r="E10" s="157">
        <v>1853986</v>
      </c>
      <c r="F10" s="157">
        <v>1868565</v>
      </c>
      <c r="G10" s="157">
        <v>1645581</v>
      </c>
      <c r="H10" s="157">
        <v>3725042</v>
      </c>
      <c r="I10" s="157">
        <v>1854860</v>
      </c>
      <c r="J10" s="157">
        <v>1870182</v>
      </c>
      <c r="K10" s="163">
        <v>1652584</v>
      </c>
    </row>
    <row r="11" spans="1:22" ht="9.75" customHeight="1">
      <c r="A11" s="40"/>
      <c r="B11" s="70" t="s">
        <v>84</v>
      </c>
      <c r="C11" s="42"/>
      <c r="D11" s="154">
        <v>285182</v>
      </c>
      <c r="E11" s="154">
        <v>147485</v>
      </c>
      <c r="F11" s="154">
        <v>137697</v>
      </c>
      <c r="G11" s="154">
        <v>132630</v>
      </c>
      <c r="H11" s="154">
        <v>285854</v>
      </c>
      <c r="I11" s="154">
        <v>147858</v>
      </c>
      <c r="J11" s="154">
        <v>137996</v>
      </c>
      <c r="K11" s="162">
        <v>133532</v>
      </c>
    </row>
    <row r="12" spans="1:22" ht="9.75" customHeight="1">
      <c r="A12" s="40"/>
      <c r="B12" s="70" t="s">
        <v>85</v>
      </c>
      <c r="C12" s="42"/>
      <c r="D12" s="154">
        <v>238986</v>
      </c>
      <c r="E12" s="154">
        <v>121665</v>
      </c>
      <c r="F12" s="154">
        <v>117321</v>
      </c>
      <c r="G12" s="154">
        <v>119382</v>
      </c>
      <c r="H12" s="154">
        <v>239559</v>
      </c>
      <c r="I12" s="154">
        <v>122024</v>
      </c>
      <c r="J12" s="154">
        <v>117535</v>
      </c>
      <c r="K12" s="162">
        <v>120277</v>
      </c>
    </row>
    <row r="13" spans="1:22" ht="9.75" customHeight="1">
      <c r="A13" s="40"/>
      <c r="B13" s="70" t="s">
        <v>86</v>
      </c>
      <c r="C13" s="42"/>
      <c r="D13" s="154">
        <v>98450</v>
      </c>
      <c r="E13" s="154">
        <v>49749</v>
      </c>
      <c r="F13" s="154">
        <v>48701</v>
      </c>
      <c r="G13" s="154">
        <v>51757</v>
      </c>
      <c r="H13" s="154">
        <v>98565</v>
      </c>
      <c r="I13" s="154">
        <v>49839</v>
      </c>
      <c r="J13" s="154">
        <v>48726</v>
      </c>
      <c r="K13" s="162">
        <v>51960</v>
      </c>
    </row>
    <row r="14" spans="1:22" ht="9.75" customHeight="1">
      <c r="A14" s="40"/>
      <c r="B14" s="70" t="s">
        <v>87</v>
      </c>
      <c r="C14" s="42"/>
      <c r="D14" s="154">
        <v>148574</v>
      </c>
      <c r="E14" s="154">
        <v>78120</v>
      </c>
      <c r="F14" s="154">
        <v>70454</v>
      </c>
      <c r="G14" s="154">
        <v>78989</v>
      </c>
      <c r="H14" s="154">
        <v>148558</v>
      </c>
      <c r="I14" s="154">
        <v>78057</v>
      </c>
      <c r="J14" s="154">
        <v>70501</v>
      </c>
      <c r="K14" s="162">
        <v>79162</v>
      </c>
    </row>
    <row r="15" spans="1:22" ht="9.75" customHeight="1">
      <c r="A15" s="40"/>
      <c r="B15" s="70" t="s">
        <v>88</v>
      </c>
      <c r="C15" s="42"/>
      <c r="D15" s="154">
        <v>194354</v>
      </c>
      <c r="E15" s="154">
        <v>96714</v>
      </c>
      <c r="F15" s="154">
        <v>97640</v>
      </c>
      <c r="G15" s="154">
        <v>95353</v>
      </c>
      <c r="H15" s="154">
        <v>194599</v>
      </c>
      <c r="I15" s="154">
        <v>96913</v>
      </c>
      <c r="J15" s="154">
        <v>97686</v>
      </c>
      <c r="K15" s="162">
        <v>95853</v>
      </c>
    </row>
    <row r="16" spans="1:22" ht="9.75" customHeight="1">
      <c r="A16" s="40"/>
      <c r="B16" s="70" t="s">
        <v>89</v>
      </c>
      <c r="C16" s="42"/>
      <c r="D16" s="154">
        <v>215307</v>
      </c>
      <c r="E16" s="154">
        <v>105869</v>
      </c>
      <c r="F16" s="154">
        <v>109438</v>
      </c>
      <c r="G16" s="154">
        <v>91103</v>
      </c>
      <c r="H16" s="154">
        <v>215062</v>
      </c>
      <c r="I16" s="154">
        <v>105638</v>
      </c>
      <c r="J16" s="154">
        <v>109424</v>
      </c>
      <c r="K16" s="162">
        <v>91314</v>
      </c>
    </row>
    <row r="17" spans="1:11" ht="9.75" customHeight="1">
      <c r="A17" s="40"/>
      <c r="B17" s="70" t="s">
        <v>90</v>
      </c>
      <c r="C17" s="42"/>
      <c r="D17" s="154">
        <v>204986</v>
      </c>
      <c r="E17" s="154">
        <v>102014</v>
      </c>
      <c r="F17" s="154">
        <v>102972</v>
      </c>
      <c r="G17" s="154">
        <v>92543</v>
      </c>
      <c r="H17" s="154">
        <v>205456</v>
      </c>
      <c r="I17" s="154">
        <v>102234</v>
      </c>
      <c r="J17" s="154">
        <v>103222</v>
      </c>
      <c r="K17" s="162">
        <v>92990</v>
      </c>
    </row>
    <row r="18" spans="1:11" ht="9.75" customHeight="1">
      <c r="A18" s="40"/>
      <c r="B18" s="70" t="s">
        <v>91</v>
      </c>
      <c r="C18" s="42"/>
      <c r="D18" s="154">
        <v>247025</v>
      </c>
      <c r="E18" s="154">
        <v>120097</v>
      </c>
      <c r="F18" s="154">
        <v>126928</v>
      </c>
      <c r="G18" s="154">
        <v>102936</v>
      </c>
      <c r="H18" s="154">
        <v>246885</v>
      </c>
      <c r="I18" s="154">
        <v>119995</v>
      </c>
      <c r="J18" s="154">
        <v>126890</v>
      </c>
      <c r="K18" s="162">
        <v>103187</v>
      </c>
    </row>
    <row r="19" spans="1:11" ht="9.75" customHeight="1">
      <c r="A19" s="40"/>
      <c r="B19" s="70" t="s">
        <v>92</v>
      </c>
      <c r="C19" s="42"/>
      <c r="D19" s="154">
        <v>166150</v>
      </c>
      <c r="E19" s="154">
        <v>81760</v>
      </c>
      <c r="F19" s="154">
        <v>84390</v>
      </c>
      <c r="G19" s="154">
        <v>74670</v>
      </c>
      <c r="H19" s="154">
        <v>166238</v>
      </c>
      <c r="I19" s="154">
        <v>81841</v>
      </c>
      <c r="J19" s="154">
        <v>84397</v>
      </c>
      <c r="K19" s="162">
        <v>74887</v>
      </c>
    </row>
    <row r="20" spans="1:11" ht="9.75" customHeight="1">
      <c r="A20" s="40"/>
      <c r="B20" s="70" t="s">
        <v>93</v>
      </c>
      <c r="C20" s="42"/>
      <c r="D20" s="154">
        <v>201526</v>
      </c>
      <c r="E20" s="154">
        <v>98883</v>
      </c>
      <c r="F20" s="154">
        <v>102643</v>
      </c>
      <c r="G20" s="154">
        <v>86701</v>
      </c>
      <c r="H20" s="154">
        <v>201350</v>
      </c>
      <c r="I20" s="154">
        <v>98743</v>
      </c>
      <c r="J20" s="154">
        <v>102607</v>
      </c>
      <c r="K20" s="162">
        <v>86875</v>
      </c>
    </row>
    <row r="21" spans="1:11" ht="9.75" customHeight="1">
      <c r="A21" s="40"/>
      <c r="B21" s="70" t="s">
        <v>94</v>
      </c>
      <c r="C21" s="42"/>
      <c r="D21" s="154">
        <v>344450</v>
      </c>
      <c r="E21" s="154">
        <v>174492</v>
      </c>
      <c r="F21" s="154">
        <v>169958</v>
      </c>
      <c r="G21" s="154">
        <v>163299</v>
      </c>
      <c r="H21" s="154">
        <v>345279</v>
      </c>
      <c r="I21" s="154">
        <v>174865</v>
      </c>
      <c r="J21" s="154">
        <v>170414</v>
      </c>
      <c r="K21" s="162">
        <v>164316</v>
      </c>
    </row>
    <row r="22" spans="1:11" ht="9.75" customHeight="1">
      <c r="A22" s="40"/>
      <c r="B22" s="70" t="s">
        <v>95</v>
      </c>
      <c r="C22" s="42"/>
      <c r="D22" s="154">
        <v>180492</v>
      </c>
      <c r="E22" s="154">
        <v>89043</v>
      </c>
      <c r="F22" s="154">
        <v>91449</v>
      </c>
      <c r="G22" s="154">
        <v>74708</v>
      </c>
      <c r="H22" s="154">
        <v>180499</v>
      </c>
      <c r="I22" s="154">
        <v>89000</v>
      </c>
      <c r="J22" s="154">
        <v>91499</v>
      </c>
      <c r="K22" s="162">
        <v>74985</v>
      </c>
    </row>
    <row r="23" spans="1:11" ht="9.75" customHeight="1">
      <c r="A23" s="40"/>
      <c r="B23" s="70" t="s">
        <v>96</v>
      </c>
      <c r="C23" s="42"/>
      <c r="D23" s="154">
        <v>309585</v>
      </c>
      <c r="E23" s="154">
        <v>150997</v>
      </c>
      <c r="F23" s="154">
        <v>158588</v>
      </c>
      <c r="G23" s="154">
        <v>125255</v>
      </c>
      <c r="H23" s="154">
        <v>309732</v>
      </c>
      <c r="I23" s="154">
        <v>150995</v>
      </c>
      <c r="J23" s="154">
        <v>158737</v>
      </c>
      <c r="K23" s="162">
        <v>125780</v>
      </c>
    </row>
    <row r="24" spans="1:11" ht="9.75" customHeight="1">
      <c r="A24" s="40"/>
      <c r="B24" s="70" t="s">
        <v>97</v>
      </c>
      <c r="C24" s="42"/>
      <c r="D24" s="154">
        <v>212221</v>
      </c>
      <c r="E24" s="154">
        <v>106192</v>
      </c>
      <c r="F24" s="154">
        <v>106029</v>
      </c>
      <c r="G24" s="154">
        <v>80714</v>
      </c>
      <c r="H24" s="154">
        <v>212230</v>
      </c>
      <c r="I24" s="154">
        <v>106149</v>
      </c>
      <c r="J24" s="154">
        <v>106081</v>
      </c>
      <c r="K24" s="162">
        <v>81092</v>
      </c>
    </row>
    <row r="25" spans="1:11" ht="9.75" customHeight="1">
      <c r="A25" s="40"/>
      <c r="B25" s="70" t="s">
        <v>98</v>
      </c>
      <c r="C25" s="42"/>
      <c r="D25" s="154">
        <v>275131</v>
      </c>
      <c r="E25" s="154">
        <v>135129</v>
      </c>
      <c r="F25" s="154">
        <v>140002</v>
      </c>
      <c r="G25" s="154">
        <v>113450</v>
      </c>
      <c r="H25" s="154">
        <v>275298</v>
      </c>
      <c r="I25" s="154">
        <v>135178</v>
      </c>
      <c r="J25" s="154">
        <v>140120</v>
      </c>
      <c r="K25" s="162">
        <v>114005</v>
      </c>
    </row>
    <row r="26" spans="1:11" ht="9.75" customHeight="1">
      <c r="A26" s="40"/>
      <c r="B26" s="70" t="s">
        <v>99</v>
      </c>
      <c r="C26" s="42"/>
      <c r="D26" s="154">
        <v>121861</v>
      </c>
      <c r="E26" s="154">
        <v>59604</v>
      </c>
      <c r="F26" s="154">
        <v>62257</v>
      </c>
      <c r="G26" s="154">
        <v>50830</v>
      </c>
      <c r="H26" s="154">
        <v>121638</v>
      </c>
      <c r="I26" s="154">
        <v>59419</v>
      </c>
      <c r="J26" s="154">
        <v>62219</v>
      </c>
      <c r="K26" s="162">
        <v>50798</v>
      </c>
    </row>
    <row r="27" spans="1:11" ht="9.75" customHeight="1">
      <c r="A27" s="40"/>
      <c r="B27" s="70" t="s">
        <v>100</v>
      </c>
      <c r="C27" s="42"/>
      <c r="D27" s="154">
        <v>153931</v>
      </c>
      <c r="E27" s="154">
        <v>75397</v>
      </c>
      <c r="F27" s="154">
        <v>78534</v>
      </c>
      <c r="G27" s="154">
        <v>60818</v>
      </c>
      <c r="H27" s="154">
        <v>153920</v>
      </c>
      <c r="I27" s="154">
        <v>75365</v>
      </c>
      <c r="J27" s="154">
        <v>78555</v>
      </c>
      <c r="K27" s="162">
        <v>60980</v>
      </c>
    </row>
    <row r="28" spans="1:11" ht="9.75" customHeight="1">
      <c r="A28" s="40"/>
      <c r="B28" s="70" t="s">
        <v>101</v>
      </c>
      <c r="C28" s="42"/>
      <c r="D28" s="154">
        <v>124340</v>
      </c>
      <c r="E28" s="154">
        <v>60776</v>
      </c>
      <c r="F28" s="154">
        <v>63564</v>
      </c>
      <c r="G28" s="154">
        <v>50443</v>
      </c>
      <c r="H28" s="154">
        <v>124320</v>
      </c>
      <c r="I28" s="154">
        <v>60747</v>
      </c>
      <c r="J28" s="154">
        <v>63573</v>
      </c>
      <c r="K28" s="162">
        <v>50591</v>
      </c>
    </row>
    <row r="29" spans="1:11" ht="3.75" customHeight="1">
      <c r="A29" s="40"/>
      <c r="B29" s="70"/>
      <c r="C29" s="42"/>
      <c r="D29" s="154"/>
      <c r="E29" s="154"/>
      <c r="F29" s="154"/>
      <c r="G29" s="154"/>
      <c r="H29" s="154"/>
      <c r="I29" s="154"/>
      <c r="J29" s="154"/>
      <c r="K29" s="162"/>
    </row>
    <row r="30" spans="1:11" ht="9.75" customHeight="1">
      <c r="A30" s="247" t="s">
        <v>102</v>
      </c>
      <c r="B30" s="248"/>
      <c r="C30" s="49"/>
      <c r="D30" s="157">
        <v>1477715</v>
      </c>
      <c r="E30" s="157">
        <v>749984</v>
      </c>
      <c r="F30" s="157">
        <v>727731</v>
      </c>
      <c r="G30" s="157">
        <v>693342</v>
      </c>
      <c r="H30" s="157">
        <v>1481183</v>
      </c>
      <c r="I30" s="157">
        <v>751877</v>
      </c>
      <c r="J30" s="157">
        <v>729306</v>
      </c>
      <c r="K30" s="163">
        <v>698553</v>
      </c>
    </row>
    <row r="31" spans="1:11" ht="9.75" customHeight="1">
      <c r="A31" s="40"/>
      <c r="B31" s="70" t="s">
        <v>103</v>
      </c>
      <c r="C31" s="42"/>
      <c r="D31" s="154">
        <v>224074</v>
      </c>
      <c r="E31" s="154">
        <v>119973</v>
      </c>
      <c r="F31" s="154">
        <v>104101</v>
      </c>
      <c r="G31" s="154">
        <v>110409</v>
      </c>
      <c r="H31" s="154">
        <v>224741</v>
      </c>
      <c r="I31" s="154">
        <v>120393</v>
      </c>
      <c r="J31" s="154">
        <v>104348</v>
      </c>
      <c r="K31" s="162">
        <v>111350</v>
      </c>
    </row>
    <row r="32" spans="1:11" ht="9.75" customHeight="1">
      <c r="A32" s="40"/>
      <c r="B32" s="70" t="s">
        <v>104</v>
      </c>
      <c r="C32" s="42"/>
      <c r="D32" s="154">
        <v>161516</v>
      </c>
      <c r="E32" s="154">
        <v>81547</v>
      </c>
      <c r="F32" s="154">
        <v>79969</v>
      </c>
      <c r="G32" s="154">
        <v>75477</v>
      </c>
      <c r="H32" s="154">
        <v>161821</v>
      </c>
      <c r="I32" s="154">
        <v>81684</v>
      </c>
      <c r="J32" s="154">
        <v>80137</v>
      </c>
      <c r="K32" s="162">
        <v>76001</v>
      </c>
    </row>
    <row r="33" spans="1:11" ht="9.75" customHeight="1">
      <c r="A33" s="40"/>
      <c r="B33" s="70" t="s">
        <v>105</v>
      </c>
      <c r="C33" s="42"/>
      <c r="D33" s="154">
        <v>248032</v>
      </c>
      <c r="E33" s="154">
        <v>127084</v>
      </c>
      <c r="F33" s="154">
        <v>120948</v>
      </c>
      <c r="G33" s="154">
        <v>123618</v>
      </c>
      <c r="H33" s="154">
        <v>249002</v>
      </c>
      <c r="I33" s="154">
        <v>127663</v>
      </c>
      <c r="J33" s="154">
        <v>121339</v>
      </c>
      <c r="K33" s="162">
        <v>124807</v>
      </c>
    </row>
    <row r="34" spans="1:11" ht="9.75" customHeight="1">
      <c r="A34" s="40"/>
      <c r="B34" s="70" t="s">
        <v>106</v>
      </c>
      <c r="C34" s="42"/>
      <c r="D34" s="154">
        <v>228505</v>
      </c>
      <c r="E34" s="154">
        <v>115104</v>
      </c>
      <c r="F34" s="154">
        <v>113401</v>
      </c>
      <c r="G34" s="154">
        <v>108163</v>
      </c>
      <c r="H34" s="154">
        <v>228888</v>
      </c>
      <c r="I34" s="154">
        <v>115257</v>
      </c>
      <c r="J34" s="154">
        <v>113631</v>
      </c>
      <c r="K34" s="162">
        <v>108849</v>
      </c>
    </row>
    <row r="35" spans="1:11" ht="9.75" customHeight="1">
      <c r="A35" s="40"/>
      <c r="B35" s="70" t="s">
        <v>107</v>
      </c>
      <c r="C35" s="42"/>
      <c r="D35" s="154">
        <v>225887</v>
      </c>
      <c r="E35" s="154">
        <v>110943</v>
      </c>
      <c r="F35" s="154">
        <v>114944</v>
      </c>
      <c r="G35" s="154">
        <v>94979</v>
      </c>
      <c r="H35" s="154">
        <v>226243</v>
      </c>
      <c r="I35" s="154">
        <v>111122</v>
      </c>
      <c r="J35" s="154">
        <v>115121</v>
      </c>
      <c r="K35" s="162">
        <v>95547</v>
      </c>
    </row>
    <row r="36" spans="1:11" ht="9.75" customHeight="1">
      <c r="A36" s="40"/>
      <c r="B36" s="70" t="s">
        <v>108</v>
      </c>
      <c r="C36" s="42"/>
      <c r="D36" s="154">
        <v>214224</v>
      </c>
      <c r="E36" s="154">
        <v>109932</v>
      </c>
      <c r="F36" s="154">
        <v>104292</v>
      </c>
      <c r="G36" s="154">
        <v>106517</v>
      </c>
      <c r="H36" s="154">
        <v>214743</v>
      </c>
      <c r="I36" s="154">
        <v>110252</v>
      </c>
      <c r="J36" s="154">
        <v>104491</v>
      </c>
      <c r="K36" s="162">
        <v>107401</v>
      </c>
    </row>
    <row r="37" spans="1:11" ht="9.75" customHeight="1">
      <c r="A37" s="40"/>
      <c r="B37" s="70" t="s">
        <v>109</v>
      </c>
      <c r="C37" s="42"/>
      <c r="D37" s="154">
        <v>175477</v>
      </c>
      <c r="E37" s="154">
        <v>85401</v>
      </c>
      <c r="F37" s="154">
        <v>90076</v>
      </c>
      <c r="G37" s="154">
        <v>74179</v>
      </c>
      <c r="H37" s="154">
        <v>175745</v>
      </c>
      <c r="I37" s="154">
        <v>85506</v>
      </c>
      <c r="J37" s="154">
        <v>90239</v>
      </c>
      <c r="K37" s="162">
        <v>74598</v>
      </c>
    </row>
    <row r="38" spans="1:11" ht="3.75" customHeight="1">
      <c r="A38" s="40"/>
      <c r="B38" s="70"/>
      <c r="C38" s="42"/>
      <c r="D38" s="154"/>
      <c r="E38" s="154"/>
      <c r="F38" s="154"/>
      <c r="G38" s="154"/>
      <c r="H38" s="154"/>
      <c r="I38" s="154"/>
      <c r="J38" s="154"/>
      <c r="K38" s="162"/>
    </row>
    <row r="39" spans="1:11" ht="9.75" customHeight="1">
      <c r="A39" s="247" t="s">
        <v>110</v>
      </c>
      <c r="B39" s="248"/>
      <c r="C39" s="49"/>
      <c r="D39" s="157">
        <v>720661</v>
      </c>
      <c r="E39" s="157">
        <v>361004</v>
      </c>
      <c r="F39" s="157">
        <v>359657</v>
      </c>
      <c r="G39" s="157">
        <v>311951</v>
      </c>
      <c r="H39" s="157">
        <v>721078</v>
      </c>
      <c r="I39" s="157">
        <v>361085</v>
      </c>
      <c r="J39" s="157">
        <v>359993</v>
      </c>
      <c r="K39" s="163">
        <v>313319</v>
      </c>
    </row>
    <row r="40" spans="1:11" ht="9.75" customHeight="1">
      <c r="A40" s="40"/>
      <c r="B40" s="70" t="s">
        <v>95</v>
      </c>
      <c r="C40" s="42"/>
      <c r="D40" s="154">
        <v>173412</v>
      </c>
      <c r="E40" s="154">
        <v>87338</v>
      </c>
      <c r="F40" s="154">
        <v>86074</v>
      </c>
      <c r="G40" s="154">
        <v>71328</v>
      </c>
      <c r="H40" s="154">
        <v>173297</v>
      </c>
      <c r="I40" s="154">
        <v>87306</v>
      </c>
      <c r="J40" s="154">
        <v>85991</v>
      </c>
      <c r="K40" s="162">
        <v>71591</v>
      </c>
    </row>
    <row r="41" spans="1:11" ht="9.75" customHeight="1">
      <c r="A41" s="40"/>
      <c r="B41" s="70" t="s">
        <v>111</v>
      </c>
      <c r="C41" s="42"/>
      <c r="D41" s="154">
        <v>270101</v>
      </c>
      <c r="E41" s="154">
        <v>135854</v>
      </c>
      <c r="F41" s="154">
        <v>134247</v>
      </c>
      <c r="G41" s="154">
        <v>116598</v>
      </c>
      <c r="H41" s="154">
        <v>270414</v>
      </c>
      <c r="I41" s="154">
        <v>135987</v>
      </c>
      <c r="J41" s="154">
        <v>134427</v>
      </c>
      <c r="K41" s="162">
        <v>117184</v>
      </c>
    </row>
    <row r="42" spans="1:11" ht="9.75" customHeight="1">
      <c r="A42" s="40"/>
      <c r="B42" s="70" t="s">
        <v>88</v>
      </c>
      <c r="C42" s="42"/>
      <c r="D42" s="154">
        <v>277148</v>
      </c>
      <c r="E42" s="154">
        <v>137812</v>
      </c>
      <c r="F42" s="154">
        <v>139336</v>
      </c>
      <c r="G42" s="154">
        <v>124025</v>
      </c>
      <c r="H42" s="154">
        <v>277367</v>
      </c>
      <c r="I42" s="154">
        <v>137792</v>
      </c>
      <c r="J42" s="154">
        <v>139575</v>
      </c>
      <c r="K42" s="162">
        <v>124544</v>
      </c>
    </row>
    <row r="43" spans="1:11" ht="3.75" customHeight="1">
      <c r="A43" s="40"/>
      <c r="B43" s="70"/>
      <c r="C43" s="42"/>
      <c r="D43" s="154"/>
      <c r="E43" s="154"/>
      <c r="F43" s="154"/>
      <c r="G43" s="154"/>
      <c r="H43" s="154"/>
      <c r="I43" s="154"/>
      <c r="J43" s="154"/>
      <c r="K43" s="162"/>
    </row>
    <row r="44" spans="1:11" ht="9.75" customHeight="1">
      <c r="A44" s="249" t="s">
        <v>112</v>
      </c>
      <c r="B44" s="250"/>
      <c r="C44" s="42"/>
      <c r="D44" s="154">
        <v>405180</v>
      </c>
      <c r="E44" s="154">
        <v>201994</v>
      </c>
      <c r="F44" s="154">
        <v>203186</v>
      </c>
      <c r="G44" s="154">
        <v>165585</v>
      </c>
      <c r="H44" s="154">
        <v>403557</v>
      </c>
      <c r="I44" s="154">
        <v>200771</v>
      </c>
      <c r="J44" s="154">
        <v>202786</v>
      </c>
      <c r="K44" s="162">
        <v>165721</v>
      </c>
    </row>
    <row r="45" spans="1:11" ht="9.75" customHeight="1">
      <c r="A45" s="249" t="s">
        <v>113</v>
      </c>
      <c r="B45" s="250"/>
      <c r="C45" s="42"/>
      <c r="D45" s="154">
        <v>258033</v>
      </c>
      <c r="E45" s="154">
        <v>129362</v>
      </c>
      <c r="F45" s="154">
        <v>128671</v>
      </c>
      <c r="G45" s="154">
        <v>107603</v>
      </c>
      <c r="H45" s="154">
        <v>257980</v>
      </c>
      <c r="I45" s="154">
        <v>129366</v>
      </c>
      <c r="J45" s="154">
        <v>128614</v>
      </c>
      <c r="K45" s="162">
        <v>107945</v>
      </c>
    </row>
    <row r="46" spans="1:11" ht="9.75" customHeight="1">
      <c r="A46" s="249" t="s">
        <v>114</v>
      </c>
      <c r="B46" s="250"/>
      <c r="C46" s="42"/>
      <c r="D46" s="154">
        <v>172608</v>
      </c>
      <c r="E46" s="154">
        <v>81437</v>
      </c>
      <c r="F46" s="154">
        <v>91171</v>
      </c>
      <c r="G46" s="154">
        <v>72879</v>
      </c>
      <c r="H46" s="154">
        <v>172755</v>
      </c>
      <c r="I46" s="154">
        <v>81452</v>
      </c>
      <c r="J46" s="154">
        <v>91303</v>
      </c>
      <c r="K46" s="162">
        <v>73104</v>
      </c>
    </row>
    <row r="47" spans="1:11" ht="9.75" customHeight="1">
      <c r="A47" s="249" t="s">
        <v>115</v>
      </c>
      <c r="B47" s="250"/>
      <c r="C47" s="42"/>
      <c r="D47" s="154">
        <v>424744</v>
      </c>
      <c r="E47" s="154">
        <v>210425</v>
      </c>
      <c r="F47" s="154">
        <v>214319</v>
      </c>
      <c r="G47" s="154">
        <v>180810</v>
      </c>
      <c r="H47" s="154">
        <v>425105</v>
      </c>
      <c r="I47" s="154">
        <v>210588</v>
      </c>
      <c r="J47" s="154">
        <v>214517</v>
      </c>
      <c r="K47" s="162">
        <v>181473</v>
      </c>
    </row>
    <row r="48" spans="1:11" ht="9.75" customHeight="1">
      <c r="A48" s="249" t="s">
        <v>116</v>
      </c>
      <c r="B48" s="250"/>
      <c r="C48" s="42"/>
      <c r="D48" s="154">
        <v>193677</v>
      </c>
      <c r="E48" s="154">
        <v>94476</v>
      </c>
      <c r="F48" s="154">
        <v>99201</v>
      </c>
      <c r="G48" s="154">
        <v>79239</v>
      </c>
      <c r="H48" s="154">
        <v>193492</v>
      </c>
      <c r="I48" s="154">
        <v>94323</v>
      </c>
      <c r="J48" s="154">
        <v>99169</v>
      </c>
      <c r="K48" s="162">
        <v>79487</v>
      </c>
    </row>
    <row r="49" spans="1:11" ht="9.75" customHeight="1">
      <c r="A49" s="249" t="s">
        <v>117</v>
      </c>
      <c r="B49" s="250"/>
      <c r="C49" s="42"/>
      <c r="D49" s="154">
        <v>239547</v>
      </c>
      <c r="E49" s="154">
        <v>116888</v>
      </c>
      <c r="F49" s="154">
        <v>122659</v>
      </c>
      <c r="G49" s="154">
        <v>98195</v>
      </c>
      <c r="H49" s="154">
        <v>239476</v>
      </c>
      <c r="I49" s="154">
        <v>116796</v>
      </c>
      <c r="J49" s="154">
        <v>122680</v>
      </c>
      <c r="K49" s="162">
        <v>98443</v>
      </c>
    </row>
    <row r="50" spans="1:11" ht="9.75" customHeight="1">
      <c r="A50" s="249" t="s">
        <v>118</v>
      </c>
      <c r="B50" s="250"/>
      <c r="C50" s="42"/>
      <c r="D50" s="154">
        <v>57377</v>
      </c>
      <c r="E50" s="154">
        <v>26887</v>
      </c>
      <c r="F50" s="154">
        <v>30490</v>
      </c>
      <c r="G50" s="154">
        <v>24156</v>
      </c>
      <c r="H50" s="154">
        <v>57482</v>
      </c>
      <c r="I50" s="154">
        <v>26920</v>
      </c>
      <c r="J50" s="154">
        <v>30562</v>
      </c>
      <c r="K50" s="162">
        <v>24249</v>
      </c>
    </row>
    <row r="51" spans="1:11" ht="9.75" customHeight="1">
      <c r="A51" s="249" t="s">
        <v>119</v>
      </c>
      <c r="B51" s="250"/>
      <c r="C51" s="42"/>
      <c r="D51" s="154">
        <v>45081</v>
      </c>
      <c r="E51" s="154">
        <v>21705</v>
      </c>
      <c r="F51" s="154">
        <v>23376</v>
      </c>
      <c r="G51" s="154">
        <v>17591</v>
      </c>
      <c r="H51" s="154">
        <v>44958</v>
      </c>
      <c r="I51" s="154">
        <v>21640</v>
      </c>
      <c r="J51" s="154">
        <v>23318</v>
      </c>
      <c r="K51" s="162">
        <v>17604</v>
      </c>
    </row>
    <row r="52" spans="1:11" ht="9.75" customHeight="1">
      <c r="A52" s="249" t="s">
        <v>120</v>
      </c>
      <c r="B52" s="250"/>
      <c r="C52" s="42"/>
      <c r="D52" s="154">
        <v>167056</v>
      </c>
      <c r="E52" s="154">
        <v>85397</v>
      </c>
      <c r="F52" s="154">
        <v>81659</v>
      </c>
      <c r="G52" s="154">
        <v>69829</v>
      </c>
      <c r="H52" s="154">
        <v>166792</v>
      </c>
      <c r="I52" s="154">
        <v>85230</v>
      </c>
      <c r="J52" s="154">
        <v>81562</v>
      </c>
      <c r="K52" s="162">
        <v>69931</v>
      </c>
    </row>
    <row r="53" spans="1:11" ht="9.75" customHeight="1">
      <c r="A53" s="249" t="s">
        <v>121</v>
      </c>
      <c r="B53" s="250"/>
      <c r="C53" s="42"/>
      <c r="D53" s="154">
        <v>225463</v>
      </c>
      <c r="E53" s="154">
        <v>116486</v>
      </c>
      <c r="F53" s="154">
        <v>108977</v>
      </c>
      <c r="G53" s="154">
        <v>95852</v>
      </c>
      <c r="H53" s="154">
        <v>225284</v>
      </c>
      <c r="I53" s="154">
        <v>116394</v>
      </c>
      <c r="J53" s="154">
        <v>108890</v>
      </c>
      <c r="K53" s="162">
        <v>96137</v>
      </c>
    </row>
    <row r="54" spans="1:11" ht="9.75" customHeight="1">
      <c r="A54" s="249" t="s">
        <v>122</v>
      </c>
      <c r="B54" s="250"/>
      <c r="C54" s="42"/>
      <c r="D54" s="154">
        <v>233437</v>
      </c>
      <c r="E54" s="154">
        <v>116881</v>
      </c>
      <c r="F54" s="154">
        <v>116556</v>
      </c>
      <c r="G54" s="154">
        <v>102466</v>
      </c>
      <c r="H54" s="154">
        <v>233436</v>
      </c>
      <c r="I54" s="154">
        <v>116895</v>
      </c>
      <c r="J54" s="154">
        <v>116541</v>
      </c>
      <c r="K54" s="162">
        <v>102796</v>
      </c>
    </row>
    <row r="55" spans="1:11" ht="9.75" customHeight="1">
      <c r="A55" s="249" t="s">
        <v>123</v>
      </c>
      <c r="B55" s="250"/>
      <c r="C55" s="42"/>
      <c r="D55" s="154">
        <v>101478</v>
      </c>
      <c r="E55" s="154">
        <v>51391</v>
      </c>
      <c r="F55" s="154">
        <v>50087</v>
      </c>
      <c r="G55" s="154">
        <v>43120</v>
      </c>
      <c r="H55" s="154">
        <v>101635</v>
      </c>
      <c r="I55" s="154">
        <v>51502</v>
      </c>
      <c r="J55" s="154">
        <v>50133</v>
      </c>
      <c r="K55" s="162">
        <v>43424</v>
      </c>
    </row>
    <row r="56" spans="1:11" ht="9.75" customHeight="1">
      <c r="A56" s="249" t="s">
        <v>124</v>
      </c>
      <c r="B56" s="250"/>
      <c r="C56" s="42"/>
      <c r="D56" s="154">
        <v>130252</v>
      </c>
      <c r="E56" s="154">
        <v>65578</v>
      </c>
      <c r="F56" s="154">
        <v>64674</v>
      </c>
      <c r="G56" s="154">
        <v>53576</v>
      </c>
      <c r="H56" s="154">
        <v>130440</v>
      </c>
      <c r="I56" s="154">
        <v>65620</v>
      </c>
      <c r="J56" s="154">
        <v>64820</v>
      </c>
      <c r="K56" s="162">
        <v>53825</v>
      </c>
    </row>
    <row r="57" spans="1:11" ht="9.75" customHeight="1">
      <c r="A57" s="249" t="s">
        <v>125</v>
      </c>
      <c r="B57" s="250"/>
      <c r="C57" s="42"/>
      <c r="D57" s="154">
        <v>128707</v>
      </c>
      <c r="E57" s="154">
        <v>64436</v>
      </c>
      <c r="F57" s="154">
        <v>64271</v>
      </c>
      <c r="G57" s="154">
        <v>56015</v>
      </c>
      <c r="H57" s="154">
        <v>128661</v>
      </c>
      <c r="I57" s="154">
        <v>64401</v>
      </c>
      <c r="J57" s="154">
        <v>64260</v>
      </c>
      <c r="K57" s="162">
        <v>56181</v>
      </c>
    </row>
    <row r="58" spans="1:11" ht="9.75" customHeight="1">
      <c r="A58" s="249" t="s">
        <v>126</v>
      </c>
      <c r="B58" s="250"/>
      <c r="C58" s="42"/>
      <c r="D58" s="154">
        <v>43204</v>
      </c>
      <c r="E58" s="154">
        <v>21279</v>
      </c>
      <c r="F58" s="154">
        <v>21925</v>
      </c>
      <c r="G58" s="154">
        <v>16229</v>
      </c>
      <c r="H58" s="154">
        <v>43052</v>
      </c>
      <c r="I58" s="154">
        <v>21200</v>
      </c>
      <c r="J58" s="154">
        <v>21852</v>
      </c>
      <c r="K58" s="162">
        <v>16242</v>
      </c>
    </row>
    <row r="59" spans="1:11" ht="9.75" customHeight="1">
      <c r="A59" s="249" t="s">
        <v>127</v>
      </c>
      <c r="B59" s="250"/>
      <c r="C59" s="42"/>
      <c r="D59" s="154">
        <v>84502</v>
      </c>
      <c r="E59" s="154">
        <v>42891</v>
      </c>
      <c r="F59" s="154">
        <v>41611</v>
      </c>
      <c r="G59" s="154">
        <v>33440</v>
      </c>
      <c r="H59" s="154">
        <v>84483</v>
      </c>
      <c r="I59" s="154">
        <v>42885</v>
      </c>
      <c r="J59" s="154">
        <v>41598</v>
      </c>
      <c r="K59" s="162">
        <v>33525</v>
      </c>
    </row>
    <row r="60" spans="1:11" ht="3.75" customHeight="1">
      <c r="A60" s="40"/>
      <c r="B60" s="70"/>
      <c r="C60" s="42"/>
      <c r="D60" s="154"/>
      <c r="E60" s="154"/>
      <c r="F60" s="154"/>
      <c r="G60" s="154"/>
      <c r="H60" s="154"/>
      <c r="I60" s="154"/>
      <c r="J60" s="154"/>
      <c r="K60" s="162"/>
    </row>
    <row r="61" spans="1:11" ht="9.75" customHeight="1">
      <c r="A61" s="249" t="s">
        <v>128</v>
      </c>
      <c r="B61" s="250"/>
      <c r="C61" s="42"/>
      <c r="D61" s="151">
        <v>32047</v>
      </c>
      <c r="E61" s="154">
        <v>15107</v>
      </c>
      <c r="F61" s="154">
        <v>16940</v>
      </c>
      <c r="G61" s="154">
        <v>12562</v>
      </c>
      <c r="H61" s="154">
        <v>32065</v>
      </c>
      <c r="I61" s="154">
        <v>15130</v>
      </c>
      <c r="J61" s="154">
        <v>16935</v>
      </c>
      <c r="K61" s="162">
        <v>12574</v>
      </c>
    </row>
    <row r="62" spans="1:11" ht="3.75" customHeight="1">
      <c r="A62" s="40"/>
      <c r="B62" s="70"/>
      <c r="C62" s="42"/>
      <c r="D62" s="154"/>
      <c r="E62" s="154"/>
      <c r="F62" s="154"/>
      <c r="G62" s="154"/>
      <c r="H62" s="154"/>
      <c r="I62" s="154"/>
      <c r="J62" s="154"/>
      <c r="K62" s="162"/>
    </row>
    <row r="63" spans="1:11" ht="9.75" customHeight="1">
      <c r="A63" s="249" t="s">
        <v>129</v>
      </c>
      <c r="B63" s="250"/>
      <c r="C63" s="42"/>
      <c r="D63" s="151">
        <v>48002</v>
      </c>
      <c r="E63" s="154">
        <v>24319</v>
      </c>
      <c r="F63" s="154">
        <v>23683</v>
      </c>
      <c r="G63" s="154">
        <v>18813</v>
      </c>
      <c r="H63" s="154">
        <v>48015</v>
      </c>
      <c r="I63" s="154">
        <v>24302</v>
      </c>
      <c r="J63" s="154">
        <v>23713</v>
      </c>
      <c r="K63" s="162">
        <v>18890</v>
      </c>
    </row>
    <row r="64" spans="1:11" ht="3.75" customHeight="1">
      <c r="A64" s="40"/>
      <c r="B64" s="70"/>
      <c r="C64" s="42"/>
      <c r="D64" s="154"/>
      <c r="E64" s="154"/>
      <c r="F64" s="154"/>
      <c r="G64" s="154"/>
      <c r="H64" s="154"/>
      <c r="I64" s="154"/>
      <c r="J64" s="154"/>
      <c r="K64" s="162"/>
    </row>
    <row r="65" spans="1:11" ht="9.75" customHeight="1">
      <c r="A65" s="247" t="s">
        <v>130</v>
      </c>
      <c r="B65" s="248"/>
      <c r="C65" s="49"/>
      <c r="D65" s="157">
        <v>59842</v>
      </c>
      <c r="E65" s="157">
        <v>29021</v>
      </c>
      <c r="F65" s="157">
        <v>30821</v>
      </c>
      <c r="G65" s="157">
        <v>23532</v>
      </c>
      <c r="H65" s="157">
        <v>59816</v>
      </c>
      <c r="I65" s="157">
        <v>28990</v>
      </c>
      <c r="J65" s="157">
        <v>30826</v>
      </c>
      <c r="K65" s="163">
        <v>23582</v>
      </c>
    </row>
    <row r="66" spans="1:11" ht="9.75" customHeight="1">
      <c r="A66" s="40"/>
      <c r="B66" s="70" t="s">
        <v>131</v>
      </c>
      <c r="C66" s="42"/>
      <c r="D66" s="154">
        <v>31469</v>
      </c>
      <c r="E66" s="154">
        <v>15361</v>
      </c>
      <c r="F66" s="154">
        <v>16108</v>
      </c>
      <c r="G66" s="154">
        <v>12297</v>
      </c>
      <c r="H66" s="154">
        <v>31479</v>
      </c>
      <c r="I66" s="154">
        <v>15365</v>
      </c>
      <c r="J66" s="154">
        <v>16114</v>
      </c>
      <c r="K66" s="162">
        <v>12333</v>
      </c>
    </row>
    <row r="67" spans="1:11" ht="9.75" customHeight="1">
      <c r="A67" s="40"/>
      <c r="B67" s="70" t="s">
        <v>132</v>
      </c>
      <c r="C67" s="42"/>
      <c r="D67" s="154">
        <v>28373</v>
      </c>
      <c r="E67" s="154">
        <v>13660</v>
      </c>
      <c r="F67" s="154">
        <v>14713</v>
      </c>
      <c r="G67" s="154">
        <v>11235</v>
      </c>
      <c r="H67" s="154">
        <v>28337</v>
      </c>
      <c r="I67" s="154">
        <v>13625</v>
      </c>
      <c r="J67" s="154">
        <v>14712</v>
      </c>
      <c r="K67" s="162">
        <v>11249</v>
      </c>
    </row>
    <row r="68" spans="1:11" ht="3.75" customHeight="1">
      <c r="A68" s="40"/>
      <c r="B68" s="70"/>
      <c r="C68" s="42"/>
      <c r="D68" s="154"/>
      <c r="E68" s="154"/>
      <c r="F68" s="154"/>
      <c r="G68" s="154"/>
      <c r="H68" s="154"/>
      <c r="I68" s="154"/>
      <c r="J68" s="154"/>
      <c r="K68" s="162"/>
    </row>
    <row r="69" spans="1:11" ht="9.75" customHeight="1">
      <c r="A69" s="247" t="s">
        <v>133</v>
      </c>
      <c r="B69" s="248"/>
      <c r="C69" s="49"/>
      <c r="D69" s="157">
        <v>65501</v>
      </c>
      <c r="E69" s="157">
        <v>32328</v>
      </c>
      <c r="F69" s="157">
        <v>33173</v>
      </c>
      <c r="G69" s="157">
        <v>24090</v>
      </c>
      <c r="H69" s="157">
        <v>65367</v>
      </c>
      <c r="I69" s="157">
        <v>32272</v>
      </c>
      <c r="J69" s="157">
        <v>33095</v>
      </c>
      <c r="K69" s="163">
        <v>24126</v>
      </c>
    </row>
    <row r="70" spans="1:11" ht="9.75" customHeight="1">
      <c r="A70" s="40"/>
      <c r="B70" s="70" t="s">
        <v>134</v>
      </c>
      <c r="C70" s="42"/>
      <c r="D70" s="154">
        <v>9603</v>
      </c>
      <c r="E70" s="154">
        <v>4811</v>
      </c>
      <c r="F70" s="154">
        <v>4792</v>
      </c>
      <c r="G70" s="154">
        <v>3355</v>
      </c>
      <c r="H70" s="154">
        <v>9608</v>
      </c>
      <c r="I70" s="154">
        <v>4813</v>
      </c>
      <c r="J70" s="154">
        <v>4795</v>
      </c>
      <c r="K70" s="162">
        <v>3364</v>
      </c>
    </row>
    <row r="71" spans="1:11" ht="9.75" customHeight="1">
      <c r="A71" s="40"/>
      <c r="B71" s="70" t="s">
        <v>135</v>
      </c>
      <c r="C71" s="42"/>
      <c r="D71" s="154">
        <v>17034</v>
      </c>
      <c r="E71" s="154">
        <v>8495</v>
      </c>
      <c r="F71" s="154">
        <v>8539</v>
      </c>
      <c r="G71" s="154">
        <v>6212</v>
      </c>
      <c r="H71" s="154">
        <v>16988</v>
      </c>
      <c r="I71" s="154">
        <v>8479</v>
      </c>
      <c r="J71" s="154">
        <v>8509</v>
      </c>
      <c r="K71" s="162">
        <v>6220</v>
      </c>
    </row>
    <row r="72" spans="1:11" ht="9.75" customHeight="1">
      <c r="A72" s="40"/>
      <c r="B72" s="70" t="s">
        <v>136</v>
      </c>
      <c r="C72" s="42"/>
      <c r="D72" s="154">
        <v>11130</v>
      </c>
      <c r="E72" s="154">
        <v>5481</v>
      </c>
      <c r="F72" s="154">
        <v>5649</v>
      </c>
      <c r="G72" s="154">
        <v>4399</v>
      </c>
      <c r="H72" s="154">
        <v>11076</v>
      </c>
      <c r="I72" s="154">
        <v>5455</v>
      </c>
      <c r="J72" s="154">
        <v>5621</v>
      </c>
      <c r="K72" s="162">
        <v>4402</v>
      </c>
    </row>
    <row r="73" spans="1:11" ht="9.75" customHeight="1">
      <c r="A73" s="40"/>
      <c r="B73" s="70" t="s">
        <v>137</v>
      </c>
      <c r="C73" s="42"/>
      <c r="D73" s="154">
        <v>10605</v>
      </c>
      <c r="E73" s="154">
        <v>5178</v>
      </c>
      <c r="F73" s="154">
        <v>5427</v>
      </c>
      <c r="G73" s="154">
        <v>3889</v>
      </c>
      <c r="H73" s="154">
        <v>10544</v>
      </c>
      <c r="I73" s="154">
        <v>5148</v>
      </c>
      <c r="J73" s="154">
        <v>5396</v>
      </c>
      <c r="K73" s="162">
        <v>3879</v>
      </c>
    </row>
    <row r="74" spans="1:11" ht="9.75" customHeight="1">
      <c r="A74" s="40"/>
      <c r="B74" s="70" t="s">
        <v>138</v>
      </c>
      <c r="C74" s="42"/>
      <c r="D74" s="154">
        <v>17129</v>
      </c>
      <c r="E74" s="154">
        <v>8363</v>
      </c>
      <c r="F74" s="154">
        <v>8766</v>
      </c>
      <c r="G74" s="154">
        <v>6235</v>
      </c>
      <c r="H74" s="154">
        <v>17151</v>
      </c>
      <c r="I74" s="154">
        <v>8377</v>
      </c>
      <c r="J74" s="154">
        <v>8774</v>
      </c>
      <c r="K74" s="162">
        <v>6261</v>
      </c>
    </row>
    <row r="75" spans="1:11" ht="3.75" customHeight="1">
      <c r="A75" s="40"/>
      <c r="B75" s="70"/>
      <c r="C75" s="42"/>
      <c r="D75" s="154"/>
      <c r="E75" s="154"/>
      <c r="F75" s="154"/>
      <c r="G75" s="154"/>
      <c r="H75" s="154"/>
      <c r="I75" s="154"/>
      <c r="J75" s="154"/>
      <c r="K75" s="162"/>
    </row>
    <row r="76" spans="1:11" ht="9.75" customHeight="1">
      <c r="A76" s="247" t="s">
        <v>139</v>
      </c>
      <c r="B76" s="248"/>
      <c r="C76" s="49"/>
      <c r="D76" s="157">
        <v>43829</v>
      </c>
      <c r="E76" s="157">
        <v>20515</v>
      </c>
      <c r="F76" s="157">
        <v>23314</v>
      </c>
      <c r="G76" s="157">
        <v>19860</v>
      </c>
      <c r="H76" s="157">
        <v>43605</v>
      </c>
      <c r="I76" s="157">
        <v>20394</v>
      </c>
      <c r="J76" s="157">
        <v>23211</v>
      </c>
      <c r="K76" s="163">
        <v>19845</v>
      </c>
    </row>
    <row r="77" spans="1:11" ht="9.75" customHeight="1">
      <c r="A77" s="40"/>
      <c r="B77" s="70" t="s">
        <v>140</v>
      </c>
      <c r="C77" s="42"/>
      <c r="D77" s="154">
        <v>11665</v>
      </c>
      <c r="E77" s="154">
        <v>5580</v>
      </c>
      <c r="F77" s="154">
        <v>6085</v>
      </c>
      <c r="G77" s="154">
        <v>6032</v>
      </c>
      <c r="H77" s="154">
        <v>11600</v>
      </c>
      <c r="I77" s="154">
        <v>5542</v>
      </c>
      <c r="J77" s="154">
        <v>6058</v>
      </c>
      <c r="K77" s="162">
        <v>6027</v>
      </c>
    </row>
    <row r="78" spans="1:11" ht="9.75" customHeight="1">
      <c r="A78" s="40"/>
      <c r="B78" s="70" t="s">
        <v>141</v>
      </c>
      <c r="C78" s="42"/>
      <c r="D78" s="154">
        <v>7293</v>
      </c>
      <c r="E78" s="154">
        <v>3412</v>
      </c>
      <c r="F78" s="154">
        <v>3881</v>
      </c>
      <c r="G78" s="154">
        <v>3073</v>
      </c>
      <c r="H78" s="154">
        <v>7245</v>
      </c>
      <c r="I78" s="154">
        <v>3390</v>
      </c>
      <c r="J78" s="154">
        <v>3855</v>
      </c>
      <c r="K78" s="162">
        <v>3062</v>
      </c>
    </row>
    <row r="79" spans="1:11" ht="9.75" customHeight="1">
      <c r="A79" s="40"/>
      <c r="B79" s="70" t="s">
        <v>142</v>
      </c>
      <c r="C79" s="42"/>
      <c r="D79" s="154">
        <v>24871</v>
      </c>
      <c r="E79" s="154">
        <v>11523</v>
      </c>
      <c r="F79" s="154">
        <v>13348</v>
      </c>
      <c r="G79" s="154">
        <v>10755</v>
      </c>
      <c r="H79" s="154">
        <v>24760</v>
      </c>
      <c r="I79" s="154">
        <v>11462</v>
      </c>
      <c r="J79" s="154">
        <v>13298</v>
      </c>
      <c r="K79" s="162">
        <v>10756</v>
      </c>
    </row>
    <row r="80" spans="1:11" ht="3.75" customHeight="1">
      <c r="A80" s="40"/>
      <c r="B80" s="70"/>
      <c r="C80" s="42"/>
      <c r="D80" s="154"/>
      <c r="E80" s="154"/>
      <c r="F80" s="154"/>
      <c r="G80" s="154"/>
      <c r="H80" s="154"/>
      <c r="I80" s="154"/>
      <c r="J80" s="154"/>
      <c r="K80" s="162"/>
    </row>
    <row r="81" spans="1:11" ht="9.75" customHeight="1">
      <c r="A81" s="247" t="s">
        <v>143</v>
      </c>
      <c r="B81" s="248"/>
      <c r="C81" s="49"/>
      <c r="D81" s="157">
        <v>43477</v>
      </c>
      <c r="E81" s="157">
        <v>22576</v>
      </c>
      <c r="F81" s="157">
        <v>20901</v>
      </c>
      <c r="G81" s="157">
        <v>17254</v>
      </c>
      <c r="H81" s="157">
        <v>43449</v>
      </c>
      <c r="I81" s="157">
        <v>22563</v>
      </c>
      <c r="J81" s="157">
        <v>20886</v>
      </c>
      <c r="K81" s="163">
        <v>17270</v>
      </c>
    </row>
    <row r="82" spans="1:11" ht="9.75" customHeight="1">
      <c r="A82" s="40"/>
      <c r="B82" s="70" t="s">
        <v>144</v>
      </c>
      <c r="C82" s="42"/>
      <c r="D82" s="154">
        <v>40303</v>
      </c>
      <c r="E82" s="154">
        <v>20951</v>
      </c>
      <c r="F82" s="154">
        <v>19352</v>
      </c>
      <c r="G82" s="154">
        <v>16138</v>
      </c>
      <c r="H82" s="154">
        <v>40263</v>
      </c>
      <c r="I82" s="154">
        <v>20934</v>
      </c>
      <c r="J82" s="154">
        <v>19329</v>
      </c>
      <c r="K82" s="162">
        <v>16149</v>
      </c>
    </row>
    <row r="83" spans="1:11" ht="9.75" customHeight="1">
      <c r="A83" s="40"/>
      <c r="B83" s="70" t="s">
        <v>145</v>
      </c>
      <c r="C83" s="42"/>
      <c r="D83" s="154">
        <v>3174</v>
      </c>
      <c r="E83" s="154">
        <v>1625</v>
      </c>
      <c r="F83" s="154">
        <v>1549</v>
      </c>
      <c r="G83" s="154">
        <v>1116</v>
      </c>
      <c r="H83" s="154">
        <v>3186</v>
      </c>
      <c r="I83" s="154">
        <v>1629</v>
      </c>
      <c r="J83" s="154">
        <v>1557</v>
      </c>
      <c r="K83" s="162">
        <v>1121</v>
      </c>
    </row>
    <row r="84" spans="1:11" ht="3.75" customHeight="1" thickBot="1">
      <c r="A84" s="54"/>
      <c r="B84" s="55"/>
      <c r="C84" s="55"/>
      <c r="D84" s="78"/>
      <c r="E84" s="78"/>
      <c r="F84" s="78"/>
      <c r="G84" s="78"/>
      <c r="H84" s="78"/>
      <c r="I84" s="78"/>
      <c r="J84" s="78"/>
      <c r="K84" s="164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3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8</vt:i4>
      </vt:variant>
    </vt:vector>
  </HeadingPairs>
  <TitlesOfParts>
    <vt:vector size="25" baseType="lpstr">
      <vt:lpstr>第1表</vt:lpstr>
      <vt:lpstr>第2表</vt:lpstr>
      <vt:lpstr>第3表</vt:lpstr>
      <vt:lpstr>第4表</vt:lpstr>
      <vt:lpstr>第5表</vt:lpstr>
      <vt:lpstr>第6表</vt:lpstr>
      <vt:lpstr>第7表</vt:lpstr>
      <vt:lpstr>第8-1表</vt:lpstr>
      <vt:lpstr>第8-2表</vt:lpstr>
      <vt:lpstr>第8-3表</vt:lpstr>
      <vt:lpstr>第8-4表</vt:lpstr>
      <vt:lpstr>第8-5表</vt:lpstr>
      <vt:lpstr>第8-6表</vt:lpstr>
      <vt:lpstr>第9表</vt:lpstr>
      <vt:lpstr>第10表</vt:lpstr>
      <vt:lpstr>参考1</vt:lpstr>
      <vt:lpstr>参考2</vt:lpstr>
      <vt:lpstr>参考1!Print_Area</vt:lpstr>
      <vt:lpstr>第10表!Print_Area</vt:lpstr>
      <vt:lpstr>第1表!Print_Area</vt:lpstr>
      <vt:lpstr>第2表!Print_Area</vt:lpstr>
      <vt:lpstr>第3表!Print_Area</vt:lpstr>
      <vt:lpstr>第4表!Print_Area</vt:lpstr>
      <vt:lpstr>第5表!Print_Area</vt:lpstr>
      <vt:lpstr>第7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3-06-08T00:10:40Z</cp:lastPrinted>
  <dcterms:modified xsi:type="dcterms:W3CDTF">2023-06-08T00:10:45Z</dcterms:modified>
</cp:coreProperties>
</file>